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66925"/>
  <mc:AlternateContent xmlns:mc="http://schemas.openxmlformats.org/markup-compatibility/2006">
    <mc:Choice Requires="x15">
      <x15ac:absPath xmlns:x15ac="http://schemas.microsoft.com/office/spreadsheetml/2010/11/ac" url="\\dati05842IV.gruppo.mps.local\dati05842IV\DISCO_M\NEW Investor Relations\PRESENTAZIONI\Presentazioni risultati - 2022\1Q22\File excel Sito IR\"/>
    </mc:Choice>
  </mc:AlternateContent>
  <xr:revisionPtr revIDLastSave="0" documentId="13_ncr:1_{0C99E986-9983-4686-BCF5-9999ED6B118A}" xr6:coauthVersionLast="47" xr6:coauthVersionMax="47" xr10:uidLastSave="{00000000-0000-0000-0000-000000000000}"/>
  <bookViews>
    <workbookView xWindow="-5070" yWindow="-16320" windowWidth="29040" windowHeight="16440" activeTab="5" xr2:uid="{A5B5CFA0-56B5-4CB1-8B7E-7A5F88D3EA68}"/>
  </bookViews>
  <sheets>
    <sheet name="P&amp;L and Balance Sheet figures" sheetId="1" r:id="rId1"/>
    <sheet name="Alternative performance measure" sheetId="2" r:id="rId2"/>
    <sheet name="Regulatory measures" sheetId="6" r:id="rId3"/>
    <sheet name="P&amp;L" sheetId="3" r:id="rId4"/>
    <sheet name="P&amp;L trim" sheetId="4" r:id="rId5"/>
    <sheet name="Balance Sheet trim" sheetId="8" r:id="rId6"/>
  </sheets>
  <externalReferences>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s>
  <definedNames>
    <definedName name="__xlfn.RTD">#NAME?</definedName>
    <definedName name="_103rismer1">[1]B7E011F123!#REF!</definedName>
    <definedName name="_104rist.i.1">[1]B7E011F222!#REF!</definedName>
    <definedName name="_105ripreneg1">#REF!</definedName>
    <definedName name="_106ripreneg2">#REF!</definedName>
    <definedName name="_1074rispreban1">#REF!</definedName>
    <definedName name="_108">[1]B7E011F232!#REF!</definedName>
    <definedName name="_108riscam1">[1]B7E011F232!#REF!</definedName>
    <definedName name="_109stfinder">#REF!</definedName>
    <definedName name="_10a2.5">#REF!</definedName>
    <definedName name="_110derfin3">#REF!</definedName>
    <definedName name="_111derfin4">#REF!</definedName>
    <definedName name="_113dercre2">#REF!</definedName>
    <definedName name="_115risliq2">#REF!</definedName>
    <definedName name="_117patrvig2">[1]B7F0023B00!#REF!</definedName>
    <definedName name="_117PATRVIG32">[1]B7F0023B00!#REF!</definedName>
    <definedName name="_118g1">#REF!</definedName>
    <definedName name="_119accordi">#REF!</definedName>
    <definedName name="_120commento">#REF!</definedName>
    <definedName name="_13a3.3">#REF!</definedName>
    <definedName name="_14a3.4">#REF!</definedName>
    <definedName name="_17a4.3">#REF!</definedName>
    <definedName name="_18a4.4">#REF!</definedName>
    <definedName name="_19a4.5">#REF!</definedName>
    <definedName name="_20a4.6">#REF!</definedName>
    <definedName name="_23a5.3">#REF!</definedName>
    <definedName name="_24a5.4">#REF!</definedName>
    <definedName name="_27a6.2">#REF!</definedName>
    <definedName name="_28a6.3">#REF!</definedName>
    <definedName name="_31a7.3">#REF!</definedName>
    <definedName name="_32a7.4">#REF!</definedName>
    <definedName name="_33a8.1">#REF!</definedName>
    <definedName name="_38a10.3">[1]B7B1100300!#REF!</definedName>
    <definedName name="_39a10.4">#REF!</definedName>
    <definedName name="_48a14.1">[1]B7B1140200!#REF!</definedName>
    <definedName name="_49a14.3">[1]B7B1140600!#REF!</definedName>
    <definedName name="_4area">#REF!</definedName>
    <definedName name="_51a15.2">[1]B7B1150300!#REF!</definedName>
    <definedName name="_53p1">[1]B7B2010500!#REF!</definedName>
    <definedName name="_54p2">[1]B7B2020500!#REF!</definedName>
    <definedName name="_55p3">#REF!</definedName>
    <definedName name="_56p4.1">[1]B7B2040300!#REF!</definedName>
    <definedName name="_57p4.4">#REF!</definedName>
    <definedName name="_58p4.5">#REF!</definedName>
    <definedName name="_59p5">#REF!</definedName>
    <definedName name="_5sez1">[1]B7B1010100!#REF!</definedName>
    <definedName name="_60p6.1">#REF!</definedName>
    <definedName name="_63p7">[1]B7B2070200!#REF!</definedName>
    <definedName name="_64p8">#REF!</definedName>
    <definedName name="_65p9">#REF!</definedName>
    <definedName name="_72p15.3">[1]B7B2150300!#REF!</definedName>
    <definedName name="_73p15.5">[1]B7B2150400!#REF!</definedName>
    <definedName name="_74p15.8">#REF!</definedName>
    <definedName name="_75p15.9">#REF!</definedName>
    <definedName name="_76p15.10">#REF!</definedName>
    <definedName name="_77p15.11">#REF!</definedName>
    <definedName name="_78p16.1">#REF!</definedName>
    <definedName name="_79p16.3">#REF!</definedName>
    <definedName name="_80p16.4">#REF!</definedName>
    <definedName name="_83primario">#REF!</definedName>
    <definedName name="_84secondario">#REF!</definedName>
    <definedName name="_88riscre1.4">[1]B7E011A150!#REF!</definedName>
    <definedName name="_8a2.3">#REF!</definedName>
    <definedName name="_90riscre1.7">[1]B7E011A180!#REF!</definedName>
    <definedName name="_91rating2.1">[1]B7E011A220!#REF!</definedName>
    <definedName name="_92gar3.1">#REF!</definedName>
    <definedName name="_94distr2">#REF!</definedName>
    <definedName name="_95distr3">[1]B7E011B300!#REF!</definedName>
    <definedName name="_98carto4">#REF!</definedName>
    <definedName name="_99carto5">[1]B7E011C300!#REF!</definedName>
    <definedName name="_9a2.4">#REF!</definedName>
    <definedName name="_key4">[2]Scenario2!$G$43</definedName>
    <definedName name="_key6">[2]Scenario2!$B$33</definedName>
    <definedName name="_Order1">255</definedName>
    <definedName name="_Order2">0</definedName>
    <definedName name="_Regression_Int">1</definedName>
    <definedName name="a">#N/A</definedName>
    <definedName name="a_doppio">#N/A</definedName>
    <definedName name="aa" localSheetId="1" hidden="1">{"UTILE NETTO RIEPILOGO",#N/A,TRUE,"dati puntuali (D.E.)";"UTILE NETTO DETTAGLIO",#N/A,TRUE,"dati puntuali (D.E.)";#N/A,#N/A,TRUE,"Imposte puntuali"}</definedName>
    <definedName name="aa" localSheetId="5" hidden="1">{"UTILE NETTO RIEPILOGO",#N/A,TRUE,"dati puntuali (D.E.)";"UTILE NETTO DETTAGLIO",#N/A,TRUE,"dati puntuali (D.E.)";#N/A,#N/A,TRUE,"Imposte puntuali"}</definedName>
    <definedName name="aa" localSheetId="3" hidden="1">{"UTILE NETTO RIEPILOGO",#N/A,TRUE,"dati puntuali (D.E.)";"UTILE NETTO DETTAGLIO",#N/A,TRUE,"dati puntuali (D.E.)";#N/A,#N/A,TRUE,"Imposte puntuali"}</definedName>
    <definedName name="aa" localSheetId="4" hidden="1">{"UTILE NETTO RIEPILOGO",#N/A,TRUE,"dati puntuali (D.E.)";"UTILE NETTO DETTAGLIO",#N/A,TRUE,"dati puntuali (D.E.)";#N/A,#N/A,TRUE,"Imposte puntuali"}</definedName>
    <definedName name="aa" hidden="1">{"UTILE NETTO RIEPILOGO",#N/A,TRUE,"dati puntuali (D.E.)";"UTILE NETTO DETTAGLIO",#N/A,TRUE,"dati puntuali (D.E.)";#N/A,#N/A,TRUE,"Imposte puntuali"}</definedName>
    <definedName name="aaa">#REF!</definedName>
    <definedName name="AB1275804">[3]criteri!#REF!</definedName>
    <definedName name="ac">#REF!</definedName>
    <definedName name="AccessDatabase">"C:\My Documents\Models\Pricer1.mdb"</definedName>
    <definedName name="acctval">[2]Tax!#REF!</definedName>
    <definedName name="ACTUAL">#REF!</definedName>
    <definedName name="àèw" localSheetId="1" hidden="1">{#N/A,#N/A,FALSE,"A3";#N/A,#N/A,FALSE,"AT2";#N/A,#N/A,FALSE,"PA2";#N/A,#N/A,FALSE,"GI2";#N/A,#N/A,FALSE,"EC2"}</definedName>
    <definedName name="àèw" localSheetId="5" hidden="1">{#N/A,#N/A,FALSE,"A3";#N/A,#N/A,FALSE,"AT2";#N/A,#N/A,FALSE,"PA2";#N/A,#N/A,FALSE,"GI2";#N/A,#N/A,FALSE,"EC2"}</definedName>
    <definedName name="àèw" localSheetId="3" hidden="1">{#N/A,#N/A,FALSE,"A3";#N/A,#N/A,FALSE,"AT2";#N/A,#N/A,FALSE,"PA2";#N/A,#N/A,FALSE,"GI2";#N/A,#N/A,FALSE,"EC2"}</definedName>
    <definedName name="àèw" localSheetId="4" hidden="1">{#N/A,#N/A,FALSE,"A3";#N/A,#N/A,FALSE,"AT2";#N/A,#N/A,FALSE,"PA2";#N/A,#N/A,FALSE,"GI2";#N/A,#N/A,FALSE,"EC2"}</definedName>
    <definedName name="àèw" hidden="1">{#N/A,#N/A,FALSE,"A3";#N/A,#N/A,FALSE,"AT2";#N/A,#N/A,FALSE,"PA2";#N/A,#N/A,FALSE,"GI2";#N/A,#N/A,FALSE,"EC2"}</definedName>
    <definedName name="agencyfee">[2]Data!$E$40</definedName>
    <definedName name="ALTRI_60">#REF!</definedName>
    <definedName name="Amount">[2]Data!$E$12</definedName>
    <definedName name="amountiss">[2]Data!$E$11</definedName>
    <definedName name="anscount">1</definedName>
    <definedName name="ap">[4]AVVIO!$C$18</definedName>
    <definedName name="ape" localSheetId="1" hidden="1">{#N/A,#N/A,FALSE,"attivo";#N/A,#N/A,FALSE,"passivo";#N/A,#N/A,FALSE,"garanzie";#N/A,#N/A,FALSE,"economico";#N/A,#N/A,FALSE,"elenco";#N/A,#N/A,FALSE,"costo";#N/A,#N/A,FALSE,"patrimonio";#N/A,#N/A,FALSE,"temporali"}</definedName>
    <definedName name="ape" localSheetId="5" hidden="1">{#N/A,#N/A,FALSE,"attivo";#N/A,#N/A,FALSE,"passivo";#N/A,#N/A,FALSE,"garanzie";#N/A,#N/A,FALSE,"economico";#N/A,#N/A,FALSE,"elenco";#N/A,#N/A,FALSE,"costo";#N/A,#N/A,FALSE,"patrimonio";#N/A,#N/A,FALSE,"temporali"}</definedName>
    <definedName name="ape" localSheetId="3" hidden="1">{#N/A,#N/A,FALSE,"attivo";#N/A,#N/A,FALSE,"passivo";#N/A,#N/A,FALSE,"garanzie";#N/A,#N/A,FALSE,"economico";#N/A,#N/A,FALSE,"elenco";#N/A,#N/A,FALSE,"costo";#N/A,#N/A,FALSE,"patrimonio";#N/A,#N/A,FALSE,"temporali"}</definedName>
    <definedName name="ape" localSheetId="4" hidden="1">{#N/A,#N/A,FALSE,"attivo";#N/A,#N/A,FALSE,"passivo";#N/A,#N/A,FALSE,"garanzie";#N/A,#N/A,FALSE,"economico";#N/A,#N/A,FALSE,"elenco";#N/A,#N/A,FALSE,"costo";#N/A,#N/A,FALSE,"patrimonio";#N/A,#N/A,FALSE,"temporali"}</definedName>
    <definedName name="ape" hidden="1">{#N/A,#N/A,FALSE,"attivo";#N/A,#N/A,FALSE,"passivo";#N/A,#N/A,FALSE,"garanzie";#N/A,#N/A,FALSE,"economico";#N/A,#N/A,FALSE,"elenco";#N/A,#N/A,FALSE,"costo";#N/A,#N/A,FALSE,"patrimonio";#N/A,#N/A,FALSE,"temporali"}</definedName>
    <definedName name="apo" localSheetId="1" hidden="1">{#N/A,#N/A,FALSE,"attivo";#N/A,#N/A,FALSE,"passivo";#N/A,#N/A,FALSE,"garanzie";#N/A,#N/A,FALSE,"economico";#N/A,#N/A,FALSE,"elenco";#N/A,#N/A,FALSE,"costo";#N/A,#N/A,FALSE,"patrimonio";#N/A,#N/A,FALSE,"temporali"}</definedName>
    <definedName name="apo" localSheetId="5" hidden="1">{#N/A,#N/A,FALSE,"attivo";#N/A,#N/A,FALSE,"passivo";#N/A,#N/A,FALSE,"garanzie";#N/A,#N/A,FALSE,"economico";#N/A,#N/A,FALSE,"elenco";#N/A,#N/A,FALSE,"costo";#N/A,#N/A,FALSE,"patrimonio";#N/A,#N/A,FALSE,"temporali"}</definedName>
    <definedName name="apo" localSheetId="3" hidden="1">{#N/A,#N/A,FALSE,"attivo";#N/A,#N/A,FALSE,"passivo";#N/A,#N/A,FALSE,"garanzie";#N/A,#N/A,FALSE,"economico";#N/A,#N/A,FALSE,"elenco";#N/A,#N/A,FALSE,"costo";#N/A,#N/A,FALSE,"patrimonio";#N/A,#N/A,FALSE,"temporali"}</definedName>
    <definedName name="apo" localSheetId="4" hidden="1">{#N/A,#N/A,FALSE,"attivo";#N/A,#N/A,FALSE,"passivo";#N/A,#N/A,FALSE,"garanzie";#N/A,#N/A,FALSE,"economico";#N/A,#N/A,FALSE,"elenco";#N/A,#N/A,FALSE,"costo";#N/A,#N/A,FALSE,"patrimonio";#N/A,#N/A,FALSE,"temporali"}</definedName>
    <definedName name="apo" hidden="1">{#N/A,#N/A,FALSE,"attivo";#N/A,#N/A,FALSE,"passivo";#N/A,#N/A,FALSE,"garanzie";#N/A,#N/A,FALSE,"economico";#N/A,#N/A,FALSE,"elenco";#N/A,#N/A,FALSE,"costo";#N/A,#N/A,FALSE,"patrimonio";#N/A,#N/A,FALSE,"temporali"}</definedName>
    <definedName name="ARCHIMEDE">#N/A</definedName>
    <definedName name="ARCHIMEDE_B">#N/A</definedName>
    <definedName name="AZIONI_60">#REF!</definedName>
    <definedName name="bil" localSheetId="1" hidden="1">{#N/A,#N/A,FALSE,"attivo";#N/A,#N/A,FALSE,"passivo";#N/A,#N/A,FALSE,"garanzie";#N/A,#N/A,FALSE,"economico";#N/A,#N/A,FALSE,"elenco";#N/A,#N/A,FALSE,"costo";#N/A,#N/A,FALSE,"patrimonio";#N/A,#N/A,FALSE,"temporali"}</definedName>
    <definedName name="bil" localSheetId="5" hidden="1">{#N/A,#N/A,FALSE,"attivo";#N/A,#N/A,FALSE,"passivo";#N/A,#N/A,FALSE,"garanzie";#N/A,#N/A,FALSE,"economico";#N/A,#N/A,FALSE,"elenco";#N/A,#N/A,FALSE,"costo";#N/A,#N/A,FALSE,"patrimonio";#N/A,#N/A,FALSE,"temporali"}</definedName>
    <definedName name="bil" localSheetId="3" hidden="1">{#N/A,#N/A,FALSE,"attivo";#N/A,#N/A,FALSE,"passivo";#N/A,#N/A,FALSE,"garanzie";#N/A,#N/A,FALSE,"economico";#N/A,#N/A,FALSE,"elenco";#N/A,#N/A,FALSE,"costo";#N/A,#N/A,FALSE,"patrimonio";#N/A,#N/A,FALSE,"temporali"}</definedName>
    <definedName name="bil" localSheetId="4" hidden="1">{#N/A,#N/A,FALSE,"attivo";#N/A,#N/A,FALSE,"passivo";#N/A,#N/A,FALSE,"garanzie";#N/A,#N/A,FALSE,"economico";#N/A,#N/A,FALSE,"elenco";#N/A,#N/A,FALSE,"costo";#N/A,#N/A,FALSE,"patrimonio";#N/A,#N/A,FALSE,"temporali"}</definedName>
    <definedName name="bil" hidden="1">{#N/A,#N/A,FALSE,"attivo";#N/A,#N/A,FALSE,"passivo";#N/A,#N/A,FALSE,"garanzie";#N/A,#N/A,FALSE,"economico";#N/A,#N/A,FALSE,"elenco";#N/A,#N/A,FALSE,"costo";#N/A,#N/A,FALSE,"patrimonio";#N/A,#N/A,FALSE,"temporali"}</definedName>
    <definedName name="BLPH1" localSheetId="5" hidden="1">#REF!</definedName>
    <definedName name="BLPH1" hidden="1">#REF!</definedName>
    <definedName name="BLPH2" localSheetId="5" hidden="1">#REF!</definedName>
    <definedName name="BLPH2" hidden="1">#REF!</definedName>
    <definedName name="BLPH3" localSheetId="5" hidden="1">#REF!</definedName>
    <definedName name="BLPH3" hidden="1">#REF!</definedName>
    <definedName name="BLPH4" localSheetId="5" hidden="1">#REF!</definedName>
    <definedName name="BLPH4" hidden="1">#REF!</definedName>
    <definedName name="BLPH5" localSheetId="5" hidden="1">#REF!</definedName>
    <definedName name="BLPH5" hidden="1">#REF!</definedName>
    <definedName name="BLPH6" localSheetId="5" hidden="1">#REF!</definedName>
    <definedName name="BLPH6" hidden="1">#REF!</definedName>
    <definedName name="BLPH7" localSheetId="5" hidden="1">#REF!</definedName>
    <definedName name="BLPH7" hidden="1">#REF!</definedName>
    <definedName name="bookvalue">[2]Tax!$D$6</definedName>
    <definedName name="ca" localSheetId="1" hidden="1">{#N/A,#N/A,FALSE,"attivo";#N/A,#N/A,FALSE,"passivo";#N/A,#N/A,FALSE,"garanzie";#N/A,#N/A,FALSE,"economico";#N/A,#N/A,FALSE,"elenco";#N/A,#N/A,FALSE,"costo";#N/A,#N/A,FALSE,"patrimonio";#N/A,#N/A,FALSE,"temporali"}</definedName>
    <definedName name="ca" localSheetId="5" hidden="1">{#N/A,#N/A,FALSE,"attivo";#N/A,#N/A,FALSE,"passivo";#N/A,#N/A,FALSE,"garanzie";#N/A,#N/A,FALSE,"economico";#N/A,#N/A,FALSE,"elenco";#N/A,#N/A,FALSE,"costo";#N/A,#N/A,FALSE,"patrimonio";#N/A,#N/A,FALSE,"temporali"}</definedName>
    <definedName name="ca" localSheetId="3" hidden="1">{#N/A,#N/A,FALSE,"attivo";#N/A,#N/A,FALSE,"passivo";#N/A,#N/A,FALSE,"garanzie";#N/A,#N/A,FALSE,"economico";#N/A,#N/A,FALSE,"elenco";#N/A,#N/A,FALSE,"costo";#N/A,#N/A,FALSE,"patrimonio";#N/A,#N/A,FALSE,"temporali"}</definedName>
    <definedName name="ca" localSheetId="4" hidden="1">{#N/A,#N/A,FALSE,"attivo";#N/A,#N/A,FALSE,"passivo";#N/A,#N/A,FALSE,"garanzie";#N/A,#N/A,FALSE,"economico";#N/A,#N/A,FALSE,"elenco";#N/A,#N/A,FALSE,"costo";#N/A,#N/A,FALSE,"patrimonio";#N/A,#N/A,FALSE,"temporali"}</definedName>
    <definedName name="ca" hidden="1">{#N/A,#N/A,FALSE,"attivo";#N/A,#N/A,FALSE,"passivo";#N/A,#N/A,FALSE,"garanzie";#N/A,#N/A,FALSE,"economico";#N/A,#N/A,FALSE,"elenco";#N/A,#N/A,FALSE,"costo";#N/A,#N/A,FALSE,"patrimonio";#N/A,#N/A,FALSE,"temporali"}</definedName>
    <definedName name="cac" localSheetId="1" hidden="1">{"PRO FORMA RIEPILOGO",#N/A,FALSE,"Pro forma";"PRO FORMA DETTAGLIO",#N/A,FALSE,"Pro forma";"IMPOSTE",#N/A,FALSE,"Imposte puntuali"}</definedName>
    <definedName name="cac" localSheetId="5" hidden="1">{"PRO FORMA RIEPILOGO",#N/A,FALSE,"Pro forma";"PRO FORMA DETTAGLIO",#N/A,FALSE,"Pro forma";"IMPOSTE",#N/A,FALSE,"Imposte puntuali"}</definedName>
    <definedName name="cac" localSheetId="3" hidden="1">{"PRO FORMA RIEPILOGO",#N/A,FALSE,"Pro forma";"PRO FORMA DETTAGLIO",#N/A,FALSE,"Pro forma";"IMPOSTE",#N/A,FALSE,"Imposte puntuali"}</definedName>
    <definedName name="cac" localSheetId="4" hidden="1">{"PRO FORMA RIEPILOGO",#N/A,FALSE,"Pro forma";"PRO FORMA DETTAGLIO",#N/A,FALSE,"Pro forma";"IMPOSTE",#N/A,FALSE,"Imposte puntuali"}</definedName>
    <definedName name="cac" hidden="1">{"PRO FORMA RIEPILOGO",#N/A,FALSE,"Pro forma";"PRO FORMA DETTAGLIO",#N/A,FALSE,"Pro forma";"IMPOSTE",#N/A,FALSE,"Imposte puntuali"}</definedName>
    <definedName name="calldate">[2]Data!$E$17</definedName>
    <definedName name="CATEGORIE">#REF!</definedName>
    <definedName name="CE" localSheetId="1" hidden="1">{#N/A,#N/A,FALSE,"attivo";#N/A,#N/A,FALSE,"passivo";#N/A,#N/A,FALSE,"garanzie";#N/A,#N/A,FALSE,"economico";#N/A,#N/A,FALSE,"elenco";#N/A,#N/A,FALSE,"costo";#N/A,#N/A,FALSE,"patrimonio";#N/A,#N/A,FALSE,"temporali"}</definedName>
    <definedName name="CE" localSheetId="5" hidden="1">{#N/A,#N/A,FALSE,"attivo";#N/A,#N/A,FALSE,"passivo";#N/A,#N/A,FALSE,"garanzie";#N/A,#N/A,FALSE,"economico";#N/A,#N/A,FALSE,"elenco";#N/A,#N/A,FALSE,"costo";#N/A,#N/A,FALSE,"patrimonio";#N/A,#N/A,FALSE,"temporali"}</definedName>
    <definedName name="CE" localSheetId="3" hidden="1">{#N/A,#N/A,FALSE,"attivo";#N/A,#N/A,FALSE,"passivo";#N/A,#N/A,FALSE,"garanzie";#N/A,#N/A,FALSE,"economico";#N/A,#N/A,FALSE,"elenco";#N/A,#N/A,FALSE,"costo";#N/A,#N/A,FALSE,"patrimonio";#N/A,#N/A,FALSE,"temporali"}</definedName>
    <definedName name="CE" localSheetId="4" hidden="1">{#N/A,#N/A,FALSE,"attivo";#N/A,#N/A,FALSE,"passivo";#N/A,#N/A,FALSE,"garanzie";#N/A,#N/A,FALSE,"economico";#N/A,#N/A,FALSE,"elenco";#N/A,#N/A,FALSE,"costo";#N/A,#N/A,FALSE,"patrimonio";#N/A,#N/A,FALSE,"temporali"}</definedName>
    <definedName name="CE" hidden="1">{#N/A,#N/A,FALSE,"attivo";#N/A,#N/A,FALSE,"passivo";#N/A,#N/A,FALSE,"garanzie";#N/A,#N/A,FALSE,"economico";#N/A,#N/A,FALSE,"elenco";#N/A,#N/A,FALSE,"costo";#N/A,#N/A,FALSE,"patrimonio";#N/A,#N/A,FALSE,"temporali"}</definedName>
    <definedName name="ce_ce" localSheetId="1" hidden="1">{"PRO FORMA RIEPILOGO",#N/A,FALSE,"Pro forma";"PRO FORMA DETTAGLIO",#N/A,FALSE,"Pro forma";"IMPOSTE",#N/A,FALSE,"Imposte puntuali"}</definedName>
    <definedName name="ce_ce" localSheetId="5" hidden="1">{"PRO FORMA RIEPILOGO",#N/A,FALSE,"Pro forma";"PRO FORMA DETTAGLIO",#N/A,FALSE,"Pro forma";"IMPOSTE",#N/A,FALSE,"Imposte puntuali"}</definedName>
    <definedName name="ce_ce" localSheetId="3" hidden="1">{"PRO FORMA RIEPILOGO",#N/A,FALSE,"Pro forma";"PRO FORMA DETTAGLIO",#N/A,FALSE,"Pro forma";"IMPOSTE",#N/A,FALSE,"Imposte puntuali"}</definedName>
    <definedName name="ce_ce" localSheetId="4" hidden="1">{"PRO FORMA RIEPILOGO",#N/A,FALSE,"Pro forma";"PRO FORMA DETTAGLIO",#N/A,FALSE,"Pro forma";"IMPOSTE",#N/A,FALSE,"Imposte puntuali"}</definedName>
    <definedName name="ce_ce" hidden="1">{"PRO FORMA RIEPILOGO",#N/A,FALSE,"Pro forma";"PRO FORMA DETTAGLIO",#N/A,FALSE,"Pro forma";"IMPOSTE",#N/A,FALSE,"Imposte puntuali"}</definedName>
    <definedName name="ClawPct">[2]Summary!$N$4</definedName>
    <definedName name="ClawTickle">[2]Summary!$E$8</definedName>
    <definedName name="ClearMaster">[5]!ClearMaster</definedName>
    <definedName name="CM_Date">[6]Avvio!$B$14</definedName>
    <definedName name="CM_Q">[6]Avvio!$C$14</definedName>
    <definedName name="CODSEGM">[7]CODICI!$B$3:$B$26</definedName>
    <definedName name="CONDI">#REF!</definedName>
    <definedName name="CONDI1">#REF!</definedName>
    <definedName name="CONDI2">#REF!</definedName>
    <definedName name="CONDI3">#REF!</definedName>
    <definedName name="cont" localSheetId="1" hidden="1">{"PRO FORMA RIEPILOGO",#N/A,TRUE,"Pro forma";"PRO FORMA DETTAGLIO",#N/A,TRUE,"Pro forma";#N/A,#N/A,TRUE,"Imposte puntuali"}</definedName>
    <definedName name="cont" localSheetId="5" hidden="1">{"PRO FORMA RIEPILOGO",#N/A,TRUE,"Pro forma";"PRO FORMA DETTAGLIO",#N/A,TRUE,"Pro forma";#N/A,#N/A,TRUE,"Imposte puntuali"}</definedName>
    <definedName name="cont" localSheetId="3" hidden="1">{"PRO FORMA RIEPILOGO",#N/A,TRUE,"Pro forma";"PRO FORMA DETTAGLIO",#N/A,TRUE,"Pro forma";#N/A,#N/A,TRUE,"Imposte puntuali"}</definedName>
    <definedName name="cont" localSheetId="4" hidden="1">{"PRO FORMA RIEPILOGO",#N/A,TRUE,"Pro forma";"PRO FORMA DETTAGLIO",#N/A,TRUE,"Pro forma";#N/A,#N/A,TRUE,"Imposte puntuali"}</definedName>
    <definedName name="cont" hidden="1">{"PRO FORMA RIEPILOGO",#N/A,TRUE,"Pro forma";"PRO FORMA DETTAGLIO",#N/A,TRUE,"Pro forma";#N/A,#N/A,TRUE,"Imposte puntuali"}</definedName>
    <definedName name="COPIAE1_19">#REF!</definedName>
    <definedName name="CQ_CY">#REF!</definedName>
    <definedName name="CQ_date">[8]Avvio!$B$14</definedName>
    <definedName name="_xlnm.Criteria">#REF!</definedName>
    <definedName name="CY">[6]Avvio!$F$14</definedName>
    <definedName name="CY_1Q">[6]Avvio!$E$45</definedName>
    <definedName name="CY_1Q_date">[6]Avvio!$B$4</definedName>
    <definedName name="CY_2Q">[6]Avvio!$E$46</definedName>
    <definedName name="CY_2Q_date">[6]Avvio!$C$4</definedName>
    <definedName name="CY_3Q">[6]Avvio!$E$47</definedName>
    <definedName name="CY_3Q_date">[6]Avvio!$D$4</definedName>
    <definedName name="CY_4Q">[6]Avvio!$E$48</definedName>
    <definedName name="CY_4Q_date">[6]Avvio!$E$4</definedName>
    <definedName name="cybook">[2]Tax!#REF!</definedName>
    <definedName name="d">#N/A</definedName>
    <definedName name="D_doppio">#N/A</definedName>
    <definedName name="DATA1">#REF!</definedName>
    <definedName name="DATA10">#REF!</definedName>
    <definedName name="DATA11">#REF!</definedName>
    <definedName name="DATA12">#REF!</definedName>
    <definedName name="DATA13">#REF!</definedName>
    <definedName name="DATA14">#REF!</definedName>
    <definedName name="DATA15">#REF!</definedName>
    <definedName name="DATA16">#REF!</definedName>
    <definedName name="DATA17">#REF!</definedName>
    <definedName name="DATA18">#REF!</definedName>
    <definedName name="DATA19">#REF!</definedName>
    <definedName name="DATA2">#REF!</definedName>
    <definedName name="DATA20">#REF!</definedName>
    <definedName name="DATA21">#REF!</definedName>
    <definedName name="DATA22">#REF!</definedName>
    <definedName name="DATA23">#REF!</definedName>
    <definedName name="DATA24">#REF!</definedName>
    <definedName name="DATA25">#REF!</definedName>
    <definedName name="DATA26">#REF!</definedName>
    <definedName name="DATA27">#REF!</definedName>
    <definedName name="DATA28">#REF!</definedName>
    <definedName name="DATA29">#REF!</definedName>
    <definedName name="DATA3">#REF!</definedName>
    <definedName name="DATA30">#REF!</definedName>
    <definedName name="DATA31">#REF!</definedName>
    <definedName name="DATA32">#REF!</definedName>
    <definedName name="DATA33">#REF!</definedName>
    <definedName name="DATA34">#REF!</definedName>
    <definedName name="DATA35">#REF!</definedName>
    <definedName name="DATA36">#REF!</definedName>
    <definedName name="DATA37">#REF!</definedName>
    <definedName name="DATA38">#REF!</definedName>
    <definedName name="DATA39">#REF!</definedName>
    <definedName name="DATA4">#REF!</definedName>
    <definedName name="DATA40">#REF!</definedName>
    <definedName name="DATA41">#REF!</definedName>
    <definedName name="DATA42">#REF!</definedName>
    <definedName name="DATA43">#REF!</definedName>
    <definedName name="DATA44">#REF!</definedName>
    <definedName name="DATA45">#REF!</definedName>
    <definedName name="DATA46">#REF!</definedName>
    <definedName name="DATA47">#REF!</definedName>
    <definedName name="DATA48">#REF!</definedName>
    <definedName name="DATA5">#REF!</definedName>
    <definedName name="DATA6">#REF!</definedName>
    <definedName name="DATA7">#REF!</definedName>
    <definedName name="DATA8">#REF!</definedName>
    <definedName name="DATA9">#REF!</definedName>
    <definedName name="_xlnm.Database">#REF!</definedName>
    <definedName name="DBOPTIT">#REF!</definedName>
    <definedName name="DD">[1]B7B2010500!#REF!</definedName>
    <definedName name="DDD">[1]B7B1010100!#REF!</definedName>
    <definedName name="DERIV_60">#REF!</definedName>
    <definedName name="Descr1">[2]Scenario2!$F$33</definedName>
    <definedName name="descr2">[2]Scenario2!$G$33</definedName>
    <definedName name="DETTAGLIO_COMMISSIONI_RETAIL">"masterconsds"</definedName>
    <definedName name="DT_RIF">[4]AVVIO!$C$5</definedName>
    <definedName name="e">#N/A</definedName>
    <definedName name="E_2Y_date">#REF!</definedName>
    <definedName name="e_DOPPIO">#N/A</definedName>
    <definedName name="E2Y_date">#REF!</definedName>
    <definedName name="E3Y_date">#REF!</definedName>
    <definedName name="EMIS">#REF!</definedName>
    <definedName name="ES1275424">[3]criteri!#REF!</definedName>
    <definedName name="_xlnm.Extract">#REF!</definedName>
    <definedName name="ExchangeFee">[2]Data!$E$46</definedName>
    <definedName name="expense">[2]Data!$E$25</definedName>
    <definedName name="EY_Date">[6]Avvio!$B$17</definedName>
    <definedName name="f">#N/A</definedName>
    <definedName name="F_doppio">#N/A</definedName>
    <definedName name="factor">[2]Data!$E$38</definedName>
    <definedName name="favi">#N/A</definedName>
    <definedName name="favi_2">#N/A</definedName>
    <definedName name="FE1275804">[3]criteri!#REF!</definedName>
    <definedName name="FeeTickle">[2]Scenario2!$E$33</definedName>
    <definedName name="fff" localSheetId="1" hidden="1">{"UTILE NETTO RIEPILOGO",#N/A,TRUE,"dati puntuali (D.E.)";"UTILE NETTO DETTAGLIO",#N/A,TRUE,"dati puntuali (D.E.)";#N/A,#N/A,TRUE,"Imposte puntuali"}</definedName>
    <definedName name="fff" localSheetId="5" hidden="1">{"UTILE NETTO RIEPILOGO",#N/A,TRUE,"dati puntuali (D.E.)";"UTILE NETTO DETTAGLIO",#N/A,TRUE,"dati puntuali (D.E.)";#N/A,#N/A,TRUE,"Imposte puntuali"}</definedName>
    <definedName name="fff" localSheetId="3" hidden="1">{"UTILE NETTO RIEPILOGO",#N/A,TRUE,"dati puntuali (D.E.)";"UTILE NETTO DETTAGLIO",#N/A,TRUE,"dati puntuali (D.E.)";#N/A,#N/A,TRUE,"Imposte puntuali"}</definedName>
    <definedName name="fff" localSheetId="4" hidden="1">{"UTILE NETTO RIEPILOGO",#N/A,TRUE,"dati puntuali (D.E.)";"UTILE NETTO DETTAGLIO",#N/A,TRUE,"dati puntuali (D.E.)";#N/A,#N/A,TRUE,"Imposte puntuali"}</definedName>
    <definedName name="fff" hidden="1">{"UTILE NETTO RIEPILOGO",#N/A,TRUE,"dati puntuali (D.E.)";"UTILE NETTO DETTAGLIO",#N/A,TRUE,"dati puntuali (D.E.)";#N/A,#N/A,TRUE,"Imposte puntuali"}</definedName>
    <definedName name="finaldate">[2]Tax!$L$11</definedName>
    <definedName name="finalprice">[2]Tax!$P$11</definedName>
    <definedName name="fm_ac01">#REF!</definedName>
    <definedName name="fm_ac02">#REF!</definedName>
    <definedName name="fm_ac03">#REF!</definedName>
    <definedName name="fm_ac04">#REF!</definedName>
    <definedName name="fm_ac05">#REF!</definedName>
    <definedName name="fm_ac06">#REF!</definedName>
    <definedName name="fm_ac07">#REF!</definedName>
    <definedName name="fm_ac08">#REF!</definedName>
    <definedName name="fm_ac09">#REF!</definedName>
    <definedName name="fm_ac10">#REF!</definedName>
    <definedName name="fm_ac11">#REF!</definedName>
    <definedName name="fm_ac12">#REF!</definedName>
    <definedName name="fm_ap01">#REF!</definedName>
    <definedName name="fm_ap02">#REF!</definedName>
    <definedName name="fm_ap03">#REF!</definedName>
    <definedName name="fm_ap04">#REF!</definedName>
    <definedName name="fm_ap05">#REF!</definedName>
    <definedName name="fm_ap06">#REF!</definedName>
    <definedName name="fm_ap07">#REF!</definedName>
    <definedName name="fm_ap08">#REF!</definedName>
    <definedName name="fm_ap09">#REF!</definedName>
    <definedName name="fm_ap10">#REF!</definedName>
    <definedName name="fm_ap11">#REF!</definedName>
    <definedName name="fm_ap12">#REF!</definedName>
    <definedName name="foglio_comm">#N/A</definedName>
    <definedName name="foglio_comm_2">#N/A</definedName>
    <definedName name="foglio_impieghi">#N/A</definedName>
    <definedName name="foglio_impieghi2">#N/A</definedName>
    <definedName name="Foglio_imposte">#N/A</definedName>
    <definedName name="foglio_imposte2">#N/A</definedName>
    <definedName name="foglio_minus_tit">#N/A</definedName>
    <definedName name="foglio_minus_tit2">#N/A</definedName>
    <definedName name="foglio_raccolta">#N/A</definedName>
    <definedName name="foglio_raccolta2">#N/A</definedName>
    <definedName name="foglio_rett_amm">#N/A</definedName>
    <definedName name="foglio_rett_amm2">#N/A</definedName>
    <definedName name="Foglio_sottomenù">#N/A</definedName>
    <definedName name="foglio_sottomenu2">#N/A</definedName>
    <definedName name="foglio_sp_amm">#N/A</definedName>
    <definedName name="foglio_sp_amm2">#N/A</definedName>
    <definedName name="foglio_sp_pers">#N/A</definedName>
    <definedName name="foglio_sp_pers2">#N/A</definedName>
    <definedName name="foglio_v_60">#N/A</definedName>
    <definedName name="foglio_v_60_2">#N/A</definedName>
    <definedName name="FormatMaster">[5]!FormatMaster</definedName>
    <definedName name="g">#N/A</definedName>
    <definedName name="g_doppio">#N/A</definedName>
    <definedName name="GeneralLegal">[2]Data!$E$37</definedName>
    <definedName name="gg_anno">[4]AVVIO!$C$10</definedName>
    <definedName name="gg_CY">#REF!</definedName>
    <definedName name="GG_MC">[4]AVVIO!$C$6</definedName>
    <definedName name="gg_mens_ac01">#REF!</definedName>
    <definedName name="gg_mens_ac02">#REF!</definedName>
    <definedName name="gg_mens_ac03">#REF!</definedName>
    <definedName name="gg_mens_ac04">#REF!</definedName>
    <definedName name="gg_mens_ac05">#REF!</definedName>
    <definedName name="gg_mens_ac06">#REF!</definedName>
    <definedName name="gg_mens_ac07">#REF!</definedName>
    <definedName name="gg_mens_ac08">#REF!</definedName>
    <definedName name="gg_mens_ac09">#REF!</definedName>
    <definedName name="gg_mens_ac10">#REF!</definedName>
    <definedName name="gg_mens_ac11">#REF!</definedName>
    <definedName name="gg_mens_ac12">#REF!</definedName>
    <definedName name="gg_mens_ap01">#REF!</definedName>
    <definedName name="gg_mens_ap02">#REF!</definedName>
    <definedName name="gg_mens_ap03">#REF!</definedName>
    <definedName name="gg_mens_ap04">#REF!</definedName>
    <definedName name="gg_mens_ap05">#REF!</definedName>
    <definedName name="gg_mens_ap06">#REF!</definedName>
    <definedName name="gg_mens_ap07">#REF!</definedName>
    <definedName name="gg_mens_ap08">#REF!</definedName>
    <definedName name="gg_mens_ap09">#REF!</definedName>
    <definedName name="gg_mens_ap10">#REF!</definedName>
    <definedName name="gg_mens_ap11">#REF!</definedName>
    <definedName name="gg_mens_ap12">#REF!</definedName>
    <definedName name="gg_mese_CM">#REF!</definedName>
    <definedName name="gg_mese_PM">#REF!</definedName>
    <definedName name="gg_prog_ac01">#REF!</definedName>
    <definedName name="gg_prog_ac02">#REF!</definedName>
    <definedName name="gg_prog_ac03">#REF!</definedName>
    <definedName name="gg_prog_ac04">#REF!</definedName>
    <definedName name="gg_prog_ac05">#REF!</definedName>
    <definedName name="gg_prog_ac06">#REF!</definedName>
    <definedName name="gg_prog_ac07">#REF!</definedName>
    <definedName name="gg_prog_ac08">#REF!</definedName>
    <definedName name="gg_prog_ac09">#REF!</definedName>
    <definedName name="gg_prog_ac10">#REF!</definedName>
    <definedName name="gg_prog_ac11">#REF!</definedName>
    <definedName name="gg_prog_ac12">#REF!</definedName>
    <definedName name="gg_prog_ap01">#REF!</definedName>
    <definedName name="gg_prog_ap02">#REF!</definedName>
    <definedName name="gg_prog_ap03">#REF!</definedName>
    <definedName name="gg_prog_ap04">#REF!</definedName>
    <definedName name="gg_prog_ap05">#REF!</definedName>
    <definedName name="gg_prog_ap06">#REF!</definedName>
    <definedName name="gg_prog_ap07">#REF!</definedName>
    <definedName name="gg_prog_ap08">#REF!</definedName>
    <definedName name="gg_prog_ap09">#REF!</definedName>
    <definedName name="gg_prog_ap10">#REF!</definedName>
    <definedName name="gg_prog_ap11">#REF!</definedName>
    <definedName name="gg_prog_ap12">#REF!</definedName>
    <definedName name="gg_prog_CM">#REF!</definedName>
    <definedName name="gg_prog_PM">#REF!</definedName>
    <definedName name="gg_PY">#REF!</definedName>
    <definedName name="gg_trim_ac03">#REF!</definedName>
    <definedName name="gg_trim_ac06">#REF!</definedName>
    <definedName name="gg_trim_ac09">#REF!</definedName>
    <definedName name="gg_trim_ac12">#REF!</definedName>
    <definedName name="gg_trim_ap03">#REF!</definedName>
    <definedName name="gg_trim_ap06">#REF!</definedName>
    <definedName name="gg_trim_ap09">#REF!</definedName>
    <definedName name="gg_trim_ap12">#REF!</definedName>
    <definedName name="h">#N/A</definedName>
    <definedName name="h_doppio">#N/A</definedName>
    <definedName name="hh">#N/A</definedName>
    <definedName name="hh_doppio">#N/A</definedName>
    <definedName name="HTML_CodePage">1252</definedName>
    <definedName name="HTML_Control" localSheetId="1">{"'Incendie SMAP Graphes'!$E$5"}</definedName>
    <definedName name="HTML_Control" localSheetId="5">{"'Incendie SMAP Graphes'!$E$5"}</definedName>
    <definedName name="HTML_Control" localSheetId="3">{"'Incendie SMAP Graphes'!$E$5"}</definedName>
    <definedName name="HTML_Control" localSheetId="4">{"'Incendie SMAP Graphes'!$E$5"}</definedName>
    <definedName name="HTML_Control">{"'Incendie SMAP Graphes'!$E$5"}</definedName>
    <definedName name="HTML_Description">""</definedName>
    <definedName name="HTML_Email">""</definedName>
    <definedName name="HTML_Header">"Incendie SMAP Graphes"</definedName>
    <definedName name="HTML_LastUpdate">"16/07/1999"</definedName>
    <definedName name="HTML_LineAfter">TRUE</definedName>
    <definedName name="HTML_LineBefore">TRUE</definedName>
    <definedName name="HTML_Name">"Xavier LAMBERT"</definedName>
    <definedName name="HTML_OBDlg2">TRUE</definedName>
    <definedName name="HTML_OBDlg4">TRUE</definedName>
    <definedName name="HTML_OS">0</definedName>
    <definedName name="HTML_PathFile">"G:\Contrôle de gestion\ANNEE 1999\Données99\Tableaux croisés\Evolution Portefeuille\Incendie\MonHTML.htm"</definedName>
    <definedName name="HTML_Title">"Incendie SMAP"</definedName>
    <definedName name="i">#N/A</definedName>
    <definedName name="i_doppio">#N/A</definedName>
    <definedName name="IIII">#N/A</definedName>
    <definedName name="IIII_2">#N/A</definedName>
    <definedName name="IIO">#N/A</definedName>
    <definedName name="IIO_2">#N/A</definedName>
    <definedName name="IMPORTAZIONE">#REF!</definedName>
    <definedName name="j">#N/A</definedName>
    <definedName name="J_doppio">#N/A</definedName>
    <definedName name="k">#N/A</definedName>
    <definedName name="K_doppio">#N/A</definedName>
    <definedName name="l">#N/A</definedName>
    <definedName name="l_doppio">#N/A</definedName>
    <definedName name="Lavori">#REF!</definedName>
    <definedName name="LE1275424">[3]criteri!#REF!</definedName>
    <definedName name="LookUpShit">#REF!</definedName>
    <definedName name="LookUpTable">'[5]Price Many Bonds'!$T$7:$W$41</definedName>
    <definedName name="Macro1">#N/A</definedName>
    <definedName name="Macro1_2">#N/A</definedName>
    <definedName name="Macro3">#N/A</definedName>
    <definedName name="Macro3_2">#N/A</definedName>
    <definedName name="Macro4">#N/A</definedName>
    <definedName name="Macro4_2">#N/A</definedName>
    <definedName name="Macro5">#N/A</definedName>
    <definedName name="Macro5_2">#N/A</definedName>
    <definedName name="manfee">[2]Data!$E$41</definedName>
    <definedName name="MAPFLU_VOL">[7]MAPQ!$V$19:$AB$447</definedName>
    <definedName name="MAPPRI_DELTA">[7]MAPP!$Y$1:$AC$1146</definedName>
    <definedName name="MAPPRI_FLAT">[7]MAPP!$G$1:$W$1146</definedName>
    <definedName name="MAPVOL_VAR_V">[7]MAPQ!$AS$465:$AY$1044</definedName>
    <definedName name="menù">#N/A</definedName>
    <definedName name="menu_2">#N/A</definedName>
    <definedName name="mese9695">#REF!</definedName>
    <definedName name="milly">[2]Tax!#REF!</definedName>
    <definedName name="mm">#N/A</definedName>
    <definedName name="mm_2">#N/A</definedName>
    <definedName name="mp">[4]AVVIO!$C$16</definedName>
    <definedName name="NewBookValue">[2]Tax!$D$7</definedName>
    <definedName name="newcoup">#REF!</definedName>
    <definedName name="ni" localSheetId="1" hidden="1">{#N/A,#N/A,FALSE,"2";#N/A,#N/A,FALSE,"2,1";#N/A,#N/A,FALSE,"Var annue tit.imm. ";#N/A,#N/A,FALSE,"2,3";#N/A,#N/A,FALSE,"Var annue titoli - prospetto"}</definedName>
    <definedName name="ni" localSheetId="5" hidden="1">{#N/A,#N/A,FALSE,"2";#N/A,#N/A,FALSE,"2,1";#N/A,#N/A,FALSE,"Var annue tit.imm. ";#N/A,#N/A,FALSE,"2,3";#N/A,#N/A,FALSE,"Var annue titoli - prospetto"}</definedName>
    <definedName name="ni" localSheetId="3" hidden="1">{#N/A,#N/A,FALSE,"2";#N/A,#N/A,FALSE,"2,1";#N/A,#N/A,FALSE,"Var annue tit.imm. ";#N/A,#N/A,FALSE,"2,3";#N/A,#N/A,FALSE,"Var annue titoli - prospetto"}</definedName>
    <definedName name="ni" localSheetId="4" hidden="1">{#N/A,#N/A,FALSE,"2";#N/A,#N/A,FALSE,"2,1";#N/A,#N/A,FALSE,"Var annue tit.imm. ";#N/A,#N/A,FALSE,"2,3";#N/A,#N/A,FALSE,"Var annue titoli - prospetto"}</definedName>
    <definedName name="ni" hidden="1">{#N/A,#N/A,FALSE,"2";#N/A,#N/A,FALSE,"2,1";#N/A,#N/A,FALSE,"Var annue tit.imm. ";#N/A,#N/A,FALSE,"2,3";#N/A,#N/A,FALSE,"Var annue titoli - prospetto"}</definedName>
    <definedName name="nome">[4]AVVIO!$C$3</definedName>
    <definedName name="o">#N/A</definedName>
    <definedName name="o_doppio">#N/A</definedName>
    <definedName name="ol" localSheetId="1" hidden="1">{"PRO FORMA RIEPILOGO",#N/A,TRUE,"Pro forma";"PRO FORMA DETTAGLIO",#N/A,TRUE,"Pro forma";#N/A,#N/A,TRUE,"Imposte puntuali"}</definedName>
    <definedName name="ol" localSheetId="5" hidden="1">{"PRO FORMA RIEPILOGO",#N/A,TRUE,"Pro forma";"PRO FORMA DETTAGLIO",#N/A,TRUE,"Pro forma";#N/A,#N/A,TRUE,"Imposte puntuali"}</definedName>
    <definedName name="ol" localSheetId="3" hidden="1">{"PRO FORMA RIEPILOGO",#N/A,TRUE,"Pro forma";"PRO FORMA DETTAGLIO",#N/A,TRUE,"Pro forma";#N/A,#N/A,TRUE,"Imposte puntuali"}</definedName>
    <definedName name="ol" localSheetId="4" hidden="1">{"PRO FORMA RIEPILOGO",#N/A,TRUE,"Pro forma";"PRO FORMA DETTAGLIO",#N/A,TRUE,"Pro forma";#N/A,#N/A,TRUE,"Imposte puntuali"}</definedName>
    <definedName name="ol" hidden="1">{"PRO FORMA RIEPILOGO",#N/A,TRUE,"Pro forma";"PRO FORMA DETTAGLIO",#N/A,TRUE,"Pro forma";#N/A,#N/A,TRUE,"Imposte puntuali"}</definedName>
    <definedName name="òl" localSheetId="1" hidden="1">{#N/A,#N/A,FALSE,"2";#N/A,#N/A,FALSE,"2,1";#N/A,#N/A,FALSE,"Var annue tit.imm. ";#N/A,#N/A,FALSE,"2,3";#N/A,#N/A,FALSE,"Var annue titoli - prospetto"}</definedName>
    <definedName name="òl" localSheetId="5" hidden="1">{#N/A,#N/A,FALSE,"2";#N/A,#N/A,FALSE,"2,1";#N/A,#N/A,FALSE,"Var annue tit.imm. ";#N/A,#N/A,FALSE,"2,3";#N/A,#N/A,FALSE,"Var annue titoli - prospetto"}</definedName>
    <definedName name="òl" localSheetId="3" hidden="1">{#N/A,#N/A,FALSE,"2";#N/A,#N/A,FALSE,"2,1";#N/A,#N/A,FALSE,"Var annue tit.imm. ";#N/A,#N/A,FALSE,"2,3";#N/A,#N/A,FALSE,"Var annue titoli - prospetto"}</definedName>
    <definedName name="òl" localSheetId="4" hidden="1">{#N/A,#N/A,FALSE,"2";#N/A,#N/A,FALSE,"2,1";#N/A,#N/A,FALSE,"Var annue tit.imm. ";#N/A,#N/A,FALSE,"2,3";#N/A,#N/A,FALSE,"Var annue titoli - prospetto"}</definedName>
    <definedName name="òl" hidden="1">{#N/A,#N/A,FALSE,"2";#N/A,#N/A,FALSE,"2,1";#N/A,#N/A,FALSE,"Var annue tit.imm. ";#N/A,#N/A,FALSE,"2,3";#N/A,#N/A,FALSE,"Var annue titoli - prospetto"}</definedName>
    <definedName name="ORIGI">#REF!</definedName>
    <definedName name="ORIGI2">#REF!</definedName>
    <definedName name="OTC">#REF!</definedName>
    <definedName name="p">#N/A</definedName>
    <definedName name="p_doppio">#N/A</definedName>
    <definedName name="pannello_data">#N/A</definedName>
    <definedName name="pannello_data2">#N/A</definedName>
    <definedName name="PH_Date">[6]Avvio!$B$16</definedName>
    <definedName name="pi" localSheetId="1" hidden="1">{"UTILE NETTO RIEPILOGO",#N/A,TRUE,"dati puntuali (D.E.)";"UTILE NETTO DETTAGLIO",#N/A,TRUE,"dati puntuali (D.E.)";#N/A,#N/A,TRUE,"Imposte puntuali"}</definedName>
    <definedName name="pi" localSheetId="5" hidden="1">{"UTILE NETTO RIEPILOGO",#N/A,TRUE,"dati puntuali (D.E.)";"UTILE NETTO DETTAGLIO",#N/A,TRUE,"dati puntuali (D.E.)";#N/A,#N/A,TRUE,"Imposte puntuali"}</definedName>
    <definedName name="pi" localSheetId="3" hidden="1">{"UTILE NETTO RIEPILOGO",#N/A,TRUE,"dati puntuali (D.E.)";"UTILE NETTO DETTAGLIO",#N/A,TRUE,"dati puntuali (D.E.)";#N/A,#N/A,TRUE,"Imposte puntuali"}</definedName>
    <definedName name="pi" localSheetId="4" hidden="1">{"UTILE NETTO RIEPILOGO",#N/A,TRUE,"dati puntuali (D.E.)";"UTILE NETTO DETTAGLIO",#N/A,TRUE,"dati puntuali (D.E.)";#N/A,#N/A,TRUE,"Imposte puntuali"}</definedName>
    <definedName name="pi" hidden="1">{"UTILE NETTO RIEPILOGO",#N/A,TRUE,"dati puntuali (D.E.)";"UTILE NETTO DETTAGLIO",#N/A,TRUE,"dati puntuali (D.E.)";#N/A,#N/A,TRUE,"Imposte puntuali"}</definedName>
    <definedName name="PIPPO" localSheetId="1" hidden="1">{"UTILE NETTO RIEPILOGO",#N/A,TRUE,"dati puntuali (D.E.)";"UTILE NETTO DETTAGLIO",#N/A,TRUE,"dati puntuali (D.E.)";#N/A,#N/A,TRUE,"Imposte puntuali"}</definedName>
    <definedName name="PIPPO" localSheetId="5" hidden="1">{"UTILE NETTO RIEPILOGO",#N/A,TRUE,"dati puntuali (D.E.)";"UTILE NETTO DETTAGLIO",#N/A,TRUE,"dati puntuali (D.E.)";#N/A,#N/A,TRUE,"Imposte puntuali"}</definedName>
    <definedName name="PIPPO" localSheetId="3" hidden="1">{"UTILE NETTO RIEPILOGO",#N/A,TRUE,"dati puntuali (D.E.)";"UTILE NETTO DETTAGLIO",#N/A,TRUE,"dati puntuali (D.E.)";#N/A,#N/A,TRUE,"Imposte puntuali"}</definedName>
    <definedName name="PIPPO" localSheetId="4" hidden="1">{"UTILE NETTO RIEPILOGO",#N/A,TRUE,"dati puntuali (D.E.)";"UTILE NETTO DETTAGLIO",#N/A,TRUE,"dati puntuali (D.E.)";#N/A,#N/A,TRUE,"Imposte puntuali"}</definedName>
    <definedName name="PIPPO" hidden="1">{"UTILE NETTO RIEPILOGO",#N/A,TRUE,"dati puntuali (D.E.)";"UTILE NETTO DETTAGLIO",#N/A,TRUE,"dati puntuali (D.E.)";#N/A,#N/A,TRUE,"Imposte puntuali"}</definedName>
    <definedName name="pippo2">#N/A</definedName>
    <definedName name="pippo2_2">#N/A</definedName>
    <definedName name="pippo3">#N/A</definedName>
    <definedName name="pippo3_2">#N/A</definedName>
    <definedName name="plugrate">[2]Data!$E$52</definedName>
    <definedName name="PLUTO">#N/A</definedName>
    <definedName name="pluto_2">#N/A</definedName>
    <definedName name="pp">#N/A</definedName>
    <definedName name="pp_doppio">#N/A</definedName>
    <definedName name="PQ_CY">#REF!</definedName>
    <definedName name="PQ_Date">[6]Avvio!$B$15</definedName>
    <definedName name="PQ_Q">[6]Avvio!$C$15</definedName>
    <definedName name="previous">[2]Tax!$X$16</definedName>
    <definedName name="Print_AreaFees">#REF!</definedName>
    <definedName name="PrintRealEPS">#REF!</definedName>
    <definedName name="prof" localSheetId="1" hidden="1">{#N/A,#N/A,FALSE,"A3";#N/A,#N/A,FALSE,"AT2";#N/A,#N/A,FALSE,"PA2";#N/A,#N/A,FALSE,"GI2";#N/A,#N/A,FALSE,"EC2"}</definedName>
    <definedName name="prof" localSheetId="5" hidden="1">{#N/A,#N/A,FALSE,"A3";#N/A,#N/A,FALSE,"AT2";#N/A,#N/A,FALSE,"PA2";#N/A,#N/A,FALSE,"GI2";#N/A,#N/A,FALSE,"EC2"}</definedName>
    <definedName name="prof" localSheetId="3" hidden="1">{#N/A,#N/A,FALSE,"A3";#N/A,#N/A,FALSE,"AT2";#N/A,#N/A,FALSE,"PA2";#N/A,#N/A,FALSE,"GI2";#N/A,#N/A,FALSE,"EC2"}</definedName>
    <definedName name="prof" localSheetId="4" hidden="1">{#N/A,#N/A,FALSE,"A3";#N/A,#N/A,FALSE,"AT2";#N/A,#N/A,FALSE,"PA2";#N/A,#N/A,FALSE,"GI2";#N/A,#N/A,FALSE,"EC2"}</definedName>
    <definedName name="prof" hidden="1">{#N/A,#N/A,FALSE,"A3";#N/A,#N/A,FALSE,"AT2";#N/A,#N/A,FALSE,"PA2";#N/A,#N/A,FALSE,"GI2";#N/A,#N/A,FALSE,"EC2"}</definedName>
    <definedName name="proforn" localSheetId="1" hidden="1">{"PRO FORMA RIEPILOGO",#N/A,TRUE,"Pro forma";"PRO FORMA DETTAGLIO",#N/A,TRUE,"Pro forma";#N/A,#N/A,TRUE,"Imposte puntuali"}</definedName>
    <definedName name="proforn" localSheetId="5" hidden="1">{"PRO FORMA RIEPILOGO",#N/A,TRUE,"Pro forma";"PRO FORMA DETTAGLIO",#N/A,TRUE,"Pro forma";#N/A,#N/A,TRUE,"Imposte puntuali"}</definedName>
    <definedName name="proforn" localSheetId="3" hidden="1">{"PRO FORMA RIEPILOGO",#N/A,TRUE,"Pro forma";"PRO FORMA DETTAGLIO",#N/A,TRUE,"Pro forma";#N/A,#N/A,TRUE,"Imposte puntuali"}</definedName>
    <definedName name="proforn" localSheetId="4" hidden="1">{"PRO FORMA RIEPILOGO",#N/A,TRUE,"Pro forma";"PRO FORMA DETTAGLIO",#N/A,TRUE,"Pro forma";#N/A,#N/A,TRUE,"Imposte puntuali"}</definedName>
    <definedName name="proforn" hidden="1">{"PRO FORMA RIEPILOGO",#N/A,TRUE,"Pro forma";"PRO FORMA DETTAGLIO",#N/A,TRUE,"Pro forma";#N/A,#N/A,TRUE,"Imposte puntuali"}</definedName>
    <definedName name="progetto">[9]criteri!#REF!</definedName>
    <definedName name="puntraffr">#REF!</definedName>
    <definedName name="PY">[6]Avvio!$F$18</definedName>
    <definedName name="PY_1Q">[6]Avvio!$E$41</definedName>
    <definedName name="PY_1Q_date">[6]Avvio!$B$7</definedName>
    <definedName name="PY_2Q">[6]Avvio!$E$42</definedName>
    <definedName name="PY_2Q_date">[6]Avvio!$C$7</definedName>
    <definedName name="PY_3Q">[6]Avvio!$E$43</definedName>
    <definedName name="PY_3Q_date">[6]Avvio!$D$7</definedName>
    <definedName name="PY_4Q">[6]Avvio!$E$44</definedName>
    <definedName name="PY_4Q_date">[6]Avvio!$E$7</definedName>
    <definedName name="PY_Date">[6]Avvio!$B$18</definedName>
    <definedName name="PY_End">[10]Avvio!#REF!</definedName>
    <definedName name="PY_Q">[6]Avvio!$C$18</definedName>
    <definedName name="PYQ_date">[8]Avvio!$B$18</definedName>
    <definedName name="q">#N/A</definedName>
    <definedName name="q_doppio">#N/A</definedName>
    <definedName name="QQ" localSheetId="1" hidden="1">{"UTILE NETTO RIEPILOGO",#N/A,TRUE,"dati puntuali (D.E.)";"UTILE NETTO DETTAGLIO",#N/A,TRUE,"dati puntuali (D.E.)";#N/A,#N/A,TRUE,"Imposte puntuali"}</definedName>
    <definedName name="QQ" localSheetId="5" hidden="1">{"UTILE NETTO RIEPILOGO",#N/A,TRUE,"dati puntuali (D.E.)";"UTILE NETTO DETTAGLIO",#N/A,TRUE,"dati puntuali (D.E.)";#N/A,#N/A,TRUE,"Imposte puntuali"}</definedName>
    <definedName name="QQ" localSheetId="3" hidden="1">{"UTILE NETTO RIEPILOGO",#N/A,TRUE,"dati puntuali (D.E.)";"UTILE NETTO DETTAGLIO",#N/A,TRUE,"dati puntuali (D.E.)";#N/A,#N/A,TRUE,"Imposte puntuali"}</definedName>
    <definedName name="QQ" localSheetId="4" hidden="1">{"UTILE NETTO RIEPILOGO",#N/A,TRUE,"dati puntuali (D.E.)";"UTILE NETTO DETTAGLIO",#N/A,TRUE,"dati puntuali (D.E.)";#N/A,#N/A,TRUE,"Imposte puntuali"}</definedName>
    <definedName name="QQ" hidden="1">{"UTILE NETTO RIEPILOGO",#N/A,TRUE,"dati puntuali (D.E.)";"UTILE NETTO DETTAGLIO",#N/A,TRUE,"dati puntuali (D.E.)";#N/A,#N/A,TRUE,"Imposte puntuali"}</definedName>
    <definedName name="raffr">#REF!</definedName>
    <definedName name="re">#N/A</definedName>
    <definedName name="re_2">#N/A</definedName>
    <definedName name="RefinanceTickle">[2]Scenario2!$C$33</definedName>
    <definedName name="RefiTypeTickle">[2]Scenario2!$I$33</definedName>
    <definedName name="refiust">[2]Data!$E$32</definedName>
    <definedName name="ReinvestRate">[2]Summary!$N$18</definedName>
    <definedName name="ReinvestTickle">[2]Summary!$D$11</definedName>
    <definedName name="rep_date_2PQ">#REF!</definedName>
    <definedName name="rep_date_CQ">[11]Avvio!$B$2</definedName>
    <definedName name="rep_date_EY">#REF!</definedName>
    <definedName name="rep_date_PQ">#REF!</definedName>
    <definedName name="rep_date_PY">[11]Avvio!$B$5</definedName>
    <definedName name="repoprice">[2]Data!$E$30</definedName>
    <definedName name="rew" localSheetId="1" hidden="1">{#N/A,#N/A,FALSE,"attivo";#N/A,#N/A,FALSE,"passivo";#N/A,#N/A,FALSE,"garanzie";#N/A,#N/A,FALSE,"economico";#N/A,#N/A,FALSE,"elenco";#N/A,#N/A,FALSE,"costo";#N/A,#N/A,FALSE,"patrimonio";#N/A,#N/A,FALSE,"temporali"}</definedName>
    <definedName name="rew" localSheetId="5" hidden="1">{#N/A,#N/A,FALSE,"attivo";#N/A,#N/A,FALSE,"passivo";#N/A,#N/A,FALSE,"garanzie";#N/A,#N/A,FALSE,"economico";#N/A,#N/A,FALSE,"elenco";#N/A,#N/A,FALSE,"costo";#N/A,#N/A,FALSE,"patrimonio";#N/A,#N/A,FALSE,"temporali"}</definedName>
    <definedName name="rew" localSheetId="3" hidden="1">{#N/A,#N/A,FALSE,"attivo";#N/A,#N/A,FALSE,"passivo";#N/A,#N/A,FALSE,"garanzie";#N/A,#N/A,FALSE,"economico";#N/A,#N/A,FALSE,"elenco";#N/A,#N/A,FALSE,"costo";#N/A,#N/A,FALSE,"patrimonio";#N/A,#N/A,FALSE,"temporali"}</definedName>
    <definedName name="rew" localSheetId="4" hidden="1">{#N/A,#N/A,FALSE,"attivo";#N/A,#N/A,FALSE,"passivo";#N/A,#N/A,FALSE,"garanzie";#N/A,#N/A,FALSE,"economico";#N/A,#N/A,FALSE,"elenco";#N/A,#N/A,FALSE,"costo";#N/A,#N/A,FALSE,"patrimonio";#N/A,#N/A,FALSE,"temporali"}</definedName>
    <definedName name="rew" hidden="1">{#N/A,#N/A,FALSE,"attivo";#N/A,#N/A,FALSE,"passivo";#N/A,#N/A,FALSE,"garanzie";#N/A,#N/A,FALSE,"economico";#N/A,#N/A,FALSE,"elenco";#N/A,#N/A,FALSE,"costo";#N/A,#N/A,FALSE,"patrimonio";#N/A,#N/A,FALSE,"temporali"}</definedName>
    <definedName name="rgfgrg" localSheetId="1" hidden="1">{#N/A,#N/A,FALSE,"A3";#N/A,#N/A,FALSE,"AT2";#N/A,#N/A,FALSE,"PA2";#N/A,#N/A,FALSE,"GI2";#N/A,#N/A,FALSE,"EC2"}</definedName>
    <definedName name="rgfgrg" localSheetId="5" hidden="1">{#N/A,#N/A,FALSE,"A3";#N/A,#N/A,FALSE,"AT2";#N/A,#N/A,FALSE,"PA2";#N/A,#N/A,FALSE,"GI2";#N/A,#N/A,FALSE,"EC2"}</definedName>
    <definedName name="rgfgrg" localSheetId="3" hidden="1">{#N/A,#N/A,FALSE,"A3";#N/A,#N/A,FALSE,"AT2";#N/A,#N/A,FALSE,"PA2";#N/A,#N/A,FALSE,"GI2";#N/A,#N/A,FALSE,"EC2"}</definedName>
    <definedName name="rgfgrg" localSheetId="4" hidden="1">{#N/A,#N/A,FALSE,"A3";#N/A,#N/A,FALSE,"AT2";#N/A,#N/A,FALSE,"PA2";#N/A,#N/A,FALSE,"GI2";#N/A,#N/A,FALSE,"EC2"}</definedName>
    <definedName name="rgfgrg" hidden="1">{#N/A,#N/A,FALSE,"A3";#N/A,#N/A,FALSE,"AT2";#N/A,#N/A,FALSE,"PA2";#N/A,#N/A,FALSE,"GI2";#N/A,#N/A,FALSE,"EC2"}</definedName>
    <definedName name="RIGA_MAPFLU">[7]MAPQ!$A$19:$A$447</definedName>
    <definedName name="RIGA_MAPPRI">[7]MAPP!$A$1:$A$1146</definedName>
    <definedName name="RIGA_MAPVOL">[7]MAPQ!$A$465:$A$1044</definedName>
    <definedName name="RISERVE">#REF!</definedName>
    <definedName name="Rivdef">#REF!</definedName>
    <definedName name="RivLAmato">#REF!</definedName>
    <definedName name="rvnku" localSheetId="1" hidden="1">{#N/A,#N/A,FALSE,"attivo";#N/A,#N/A,FALSE,"passivo";#N/A,#N/A,FALSE,"garanzie";#N/A,#N/A,FALSE,"economico";#N/A,#N/A,FALSE,"elenco";#N/A,#N/A,FALSE,"costo";#N/A,#N/A,FALSE,"patrimonio";#N/A,#N/A,FALSE,"temporali"}</definedName>
    <definedName name="rvnku" localSheetId="5" hidden="1">{#N/A,#N/A,FALSE,"attivo";#N/A,#N/A,FALSE,"passivo";#N/A,#N/A,FALSE,"garanzie";#N/A,#N/A,FALSE,"economico";#N/A,#N/A,FALSE,"elenco";#N/A,#N/A,FALSE,"costo";#N/A,#N/A,FALSE,"patrimonio";#N/A,#N/A,FALSE,"temporali"}</definedName>
    <definedName name="rvnku" localSheetId="3" hidden="1">{#N/A,#N/A,FALSE,"attivo";#N/A,#N/A,FALSE,"passivo";#N/A,#N/A,FALSE,"garanzie";#N/A,#N/A,FALSE,"economico";#N/A,#N/A,FALSE,"elenco";#N/A,#N/A,FALSE,"costo";#N/A,#N/A,FALSE,"patrimonio";#N/A,#N/A,FALSE,"temporali"}</definedName>
    <definedName name="rvnku" localSheetId="4" hidden="1">{#N/A,#N/A,FALSE,"attivo";#N/A,#N/A,FALSE,"passivo";#N/A,#N/A,FALSE,"garanzie";#N/A,#N/A,FALSE,"economico";#N/A,#N/A,FALSE,"elenco";#N/A,#N/A,FALSE,"costo";#N/A,#N/A,FALSE,"patrimonio";#N/A,#N/A,FALSE,"temporali"}</definedName>
    <definedName name="rvnku" hidden="1">{#N/A,#N/A,FALSE,"attivo";#N/A,#N/A,FALSE,"passivo";#N/A,#N/A,FALSE,"garanzie";#N/A,#N/A,FALSE,"economico";#N/A,#N/A,FALSE,"elenco";#N/A,#N/A,FALSE,"costo";#N/A,#N/A,FALSE,"patrimonio";#N/A,#N/A,FALSE,"temporali"}</definedName>
    <definedName name="s">#N/A</definedName>
    <definedName name="s_doppio">#N/A</definedName>
    <definedName name="SCEFLU">[7]MAPQ!$AD$4:$AJ$18</definedName>
    <definedName name="SCEN_COL1">[12]Scenario!$B$2:$H$2</definedName>
    <definedName name="SCEN_COL2">[12]Scenario!$B$3:$H$3</definedName>
    <definedName name="SCEN_RIGA">[12]Scenario!$B$2:$B$20</definedName>
    <definedName name="scenario">[12]Scenario!$B$2:$H$20</definedName>
    <definedName name="SCEVOP">[7]MAPQ!$AD$451:$AJ$462</definedName>
    <definedName name="scritt">#REF!</definedName>
    <definedName name="Settle">[2]Data!$E$28</definedName>
    <definedName name="sottomenù">#N/A</definedName>
    <definedName name="sottomernu_2">#N/A</definedName>
    <definedName name="SPAxUIMM">#REF!</definedName>
    <definedName name="SpreadTickle">[2]Scenario2!$D$33</definedName>
    <definedName name="SPWS_WBID">"ACDEA4EE-F63A-4380-B71B-4670CDB01EE8"</definedName>
    <definedName name="ss" localSheetId="5" hidden="1">#REF!</definedName>
    <definedName name="ss" hidden="1">#REF!</definedName>
    <definedName name="SSS">[1]B7B2150400!#REF!</definedName>
    <definedName name="STATO_60">#REF!</definedName>
    <definedName name="stub">[2]Tax!$D$18</definedName>
    <definedName name="swapspread">[2]Data!$E$33</definedName>
    <definedName name="t">#N/A</definedName>
    <definedName name="t_doppio">#N/A</definedName>
    <definedName name="tab_Ricl">[6]Avvio!$A$64:$C$125</definedName>
    <definedName name="tabconti">#REF!</definedName>
    <definedName name="Tabimm">#REF!</definedName>
    <definedName name="tax">[2]Data!$E$29</definedName>
    <definedName name="TEST0">#REF!</definedName>
    <definedName name="TESTHKEY">#REF!</definedName>
    <definedName name="TESTKEYS">#REF!</definedName>
    <definedName name="TESTVKEY">#REF!</definedName>
    <definedName name="tg">#N/A</definedName>
    <definedName name="tg_2">#N/A</definedName>
    <definedName name="tr" localSheetId="1" hidden="1">{#N/A,#N/A,FALSE,"attivo";#N/A,#N/A,FALSE,"passivo";#N/A,#N/A,FALSE,"garanzie";#N/A,#N/A,FALSE,"economico";#N/A,#N/A,FALSE,"elenco";#N/A,#N/A,FALSE,"costo";#N/A,#N/A,FALSE,"patrimonio";#N/A,#N/A,FALSE,"temporali"}</definedName>
    <definedName name="tr" localSheetId="5" hidden="1">{#N/A,#N/A,FALSE,"attivo";#N/A,#N/A,FALSE,"passivo";#N/A,#N/A,FALSE,"garanzie";#N/A,#N/A,FALSE,"economico";#N/A,#N/A,FALSE,"elenco";#N/A,#N/A,FALSE,"costo";#N/A,#N/A,FALSE,"patrimonio";#N/A,#N/A,FALSE,"temporali"}</definedName>
    <definedName name="tr" localSheetId="3" hidden="1">{#N/A,#N/A,FALSE,"attivo";#N/A,#N/A,FALSE,"passivo";#N/A,#N/A,FALSE,"garanzie";#N/A,#N/A,FALSE,"economico";#N/A,#N/A,FALSE,"elenco";#N/A,#N/A,FALSE,"costo";#N/A,#N/A,FALSE,"patrimonio";#N/A,#N/A,FALSE,"temporali"}</definedName>
    <definedName name="tr" localSheetId="4" hidden="1">{#N/A,#N/A,FALSE,"attivo";#N/A,#N/A,FALSE,"passivo";#N/A,#N/A,FALSE,"garanzie";#N/A,#N/A,FALSE,"economico";#N/A,#N/A,FALSE,"elenco";#N/A,#N/A,FALSE,"costo";#N/A,#N/A,FALSE,"patrimonio";#N/A,#N/A,FALSE,"temporali"}</definedName>
    <definedName name="tr" hidden="1">{#N/A,#N/A,FALSE,"attivo";#N/A,#N/A,FALSE,"passivo";#N/A,#N/A,FALSE,"garanzie";#N/A,#N/A,FALSE,"economico";#N/A,#N/A,FALSE,"elenco";#N/A,#N/A,FALSE,"costo";#N/A,#N/A,FALSE,"patrimonio";#N/A,#N/A,FALSE,"temporali"}</definedName>
    <definedName name="trcxz" localSheetId="1" hidden="1">{#N/A,#N/A,FALSE,"A3";#N/A,#N/A,FALSE,"AT2";#N/A,#N/A,FALSE,"PA2";#N/A,#N/A,FALSE,"GI2";#N/A,#N/A,FALSE,"EC2"}</definedName>
    <definedName name="trcxz" localSheetId="5" hidden="1">{#N/A,#N/A,FALSE,"A3";#N/A,#N/A,FALSE,"AT2";#N/A,#N/A,FALSE,"PA2";#N/A,#N/A,FALSE,"GI2";#N/A,#N/A,FALSE,"EC2"}</definedName>
    <definedName name="trcxz" localSheetId="3" hidden="1">{#N/A,#N/A,FALSE,"A3";#N/A,#N/A,FALSE,"AT2";#N/A,#N/A,FALSE,"PA2";#N/A,#N/A,FALSE,"GI2";#N/A,#N/A,FALSE,"EC2"}</definedName>
    <definedName name="trcxz" localSheetId="4" hidden="1">{#N/A,#N/A,FALSE,"A3";#N/A,#N/A,FALSE,"AT2";#N/A,#N/A,FALSE,"PA2";#N/A,#N/A,FALSE,"GI2";#N/A,#N/A,FALSE,"EC2"}</definedName>
    <definedName name="trcxz" hidden="1">{#N/A,#N/A,FALSE,"A3";#N/A,#N/A,FALSE,"AT2";#N/A,#N/A,FALSE,"PA2";#N/A,#N/A,FALSE,"GI2";#N/A,#N/A,FALSE,"EC2"}</definedName>
    <definedName name="triu" localSheetId="1" hidden="1">{#N/A,#N/A,FALSE,"2";#N/A,#N/A,FALSE,"2,1";#N/A,#N/A,FALSE,"Var annue tit.imm. ";#N/A,#N/A,FALSE,"2,3";#N/A,#N/A,FALSE,"Var annue titoli - prospetto"}</definedName>
    <definedName name="triu" localSheetId="5" hidden="1">{#N/A,#N/A,FALSE,"2";#N/A,#N/A,FALSE,"2,1";#N/A,#N/A,FALSE,"Var annue tit.imm. ";#N/A,#N/A,FALSE,"2,3";#N/A,#N/A,FALSE,"Var annue titoli - prospetto"}</definedName>
    <definedName name="triu" localSheetId="3" hidden="1">{#N/A,#N/A,FALSE,"2";#N/A,#N/A,FALSE,"2,1";#N/A,#N/A,FALSE,"Var annue tit.imm. ";#N/A,#N/A,FALSE,"2,3";#N/A,#N/A,FALSE,"Var annue titoli - prospetto"}</definedName>
    <definedName name="triu" localSheetId="4" hidden="1">{#N/A,#N/A,FALSE,"2";#N/A,#N/A,FALSE,"2,1";#N/A,#N/A,FALSE,"Var annue tit.imm. ";#N/A,#N/A,FALSE,"2,3";#N/A,#N/A,FALSE,"Var annue titoli - prospetto"}</definedName>
    <definedName name="triu" hidden="1">{#N/A,#N/A,FALSE,"2";#N/A,#N/A,FALSE,"2,1";#N/A,#N/A,FALSE,"Var annue tit.imm. ";#N/A,#N/A,FALSE,"2,3";#N/A,#N/A,FALSE,"Var annue titoli - prospetto"}</definedName>
    <definedName name="tt">#N/A</definedName>
    <definedName name="tt_2">#N/A</definedName>
    <definedName name="TTT">#N/A</definedName>
    <definedName name="TTT_2">#N/A</definedName>
    <definedName name="type">[2]Data!$E$53</definedName>
    <definedName name="u">#N/A</definedName>
    <definedName name="U_doppio">#N/A</definedName>
    <definedName name="UTNEGTIT">#REF!</definedName>
    <definedName name="UUU">#N/A</definedName>
    <definedName name="UUU_2">#N/A</definedName>
    <definedName name="uwfee">[2]Data!$E$24</definedName>
    <definedName name="Vaipannello">#N/A</definedName>
    <definedName name="vaipannello2">#N/A</definedName>
    <definedName name="valutazioni">#REF!</definedName>
    <definedName name="vv">#N/A</definedName>
    <definedName name="vv_doppio">#N/A</definedName>
    <definedName name="w">#N/A</definedName>
    <definedName name="w_dioppio">#N/A</definedName>
    <definedName name="wrn.Bilancio._.dicembre._.1995." localSheetId="1" hidden="1">{#N/A,#N/A,FALSE,"attivo";#N/A,#N/A,FALSE,"passivo";#N/A,#N/A,FALSE,"garanzie";#N/A,#N/A,FALSE,"economico";#N/A,#N/A,FALSE,"elenco";#N/A,#N/A,FALSE,"costo";#N/A,#N/A,FALSE,"patrimonio";#N/A,#N/A,FALSE,"temporali"}</definedName>
    <definedName name="wrn.Bilancio._.dicembre._.1995." localSheetId="5" hidden="1">{#N/A,#N/A,FALSE,"attivo";#N/A,#N/A,FALSE,"passivo";#N/A,#N/A,FALSE,"garanzie";#N/A,#N/A,FALSE,"economico";#N/A,#N/A,FALSE,"elenco";#N/A,#N/A,FALSE,"costo";#N/A,#N/A,FALSE,"patrimonio";#N/A,#N/A,FALSE,"temporali"}</definedName>
    <definedName name="wrn.Bilancio._.dicembre._.1995." localSheetId="3" hidden="1">{#N/A,#N/A,FALSE,"attivo";#N/A,#N/A,FALSE,"passivo";#N/A,#N/A,FALSE,"garanzie";#N/A,#N/A,FALSE,"economico";#N/A,#N/A,FALSE,"elenco";#N/A,#N/A,FALSE,"costo";#N/A,#N/A,FALSE,"patrimonio";#N/A,#N/A,FALSE,"temporali"}</definedName>
    <definedName name="wrn.Bilancio._.dicembre._.1995." localSheetId="4" hidden="1">{#N/A,#N/A,FALSE,"attivo";#N/A,#N/A,FALSE,"passivo";#N/A,#N/A,FALSE,"garanzie";#N/A,#N/A,FALSE,"economico";#N/A,#N/A,FALSE,"elenco";#N/A,#N/A,FALSE,"costo";#N/A,#N/A,FALSE,"patrimonio";#N/A,#N/A,FALSE,"temporali"}</definedName>
    <definedName name="wrn.Bilancio._.dicembre._.1995." hidden="1">{#N/A,#N/A,FALSE,"attivo";#N/A,#N/A,FALSE,"passivo";#N/A,#N/A,FALSE,"garanzie";#N/A,#N/A,FALSE,"economico";#N/A,#N/A,FALSE,"elenco";#N/A,#N/A,FALSE,"costo";#N/A,#N/A,FALSE,"patrimonio";#N/A,#N/A,FALSE,"temporali"}</definedName>
    <definedName name="wrn.CONTO._.ECON._.PRO._.FORMA." localSheetId="1" hidden="1">{"PRO FORMA RIEPILOGO",#N/A,TRUE,"Pro forma";"PRO FORMA DETTAGLIO",#N/A,TRUE,"Pro forma";#N/A,#N/A,TRUE,"Imposte puntuali"}</definedName>
    <definedName name="wrn.CONTO._.ECON._.PRO._.FORMA." localSheetId="5" hidden="1">{"PRO FORMA RIEPILOGO",#N/A,TRUE,"Pro forma";"PRO FORMA DETTAGLIO",#N/A,TRUE,"Pro forma";#N/A,#N/A,TRUE,"Imposte puntuali"}</definedName>
    <definedName name="wrn.CONTO._.ECON._.PRO._.FORMA." localSheetId="3" hidden="1">{"PRO FORMA RIEPILOGO",#N/A,TRUE,"Pro forma";"PRO FORMA DETTAGLIO",#N/A,TRUE,"Pro forma";#N/A,#N/A,TRUE,"Imposte puntuali"}</definedName>
    <definedName name="wrn.CONTO._.ECON._.PRO._.FORMA." localSheetId="4" hidden="1">{"PRO FORMA RIEPILOGO",#N/A,TRUE,"Pro forma";"PRO FORMA DETTAGLIO",#N/A,TRUE,"Pro forma";#N/A,#N/A,TRUE,"Imposte puntuali"}</definedName>
    <definedName name="wrn.CONTO._.ECON._.PRO._.FORMA." hidden="1">{"PRO FORMA RIEPILOGO",#N/A,TRUE,"Pro forma";"PRO FORMA DETTAGLIO",#N/A,TRUE,"Pro forma";#N/A,#N/A,TRUE,"Imposte puntuali"}</definedName>
    <definedName name="wrn.Conto._.economico." localSheetId="1" hidden="1">{"PRO FORMA RIEPILOGO",#N/A,FALSE,"Pro forma";"PRO FORMA DETTAGLIO",#N/A,FALSE,"Pro forma";"IMPOSTE",#N/A,FALSE,"Imposte puntuali"}</definedName>
    <definedName name="wrn.Conto._.economico." localSheetId="5" hidden="1">{"PRO FORMA RIEPILOGO",#N/A,FALSE,"Pro forma";"PRO FORMA DETTAGLIO",#N/A,FALSE,"Pro forma";"IMPOSTE",#N/A,FALSE,"Imposte puntuali"}</definedName>
    <definedName name="wrn.Conto._.economico." localSheetId="3" hidden="1">{"PRO FORMA RIEPILOGO",#N/A,FALSE,"Pro forma";"PRO FORMA DETTAGLIO",#N/A,FALSE,"Pro forma";"IMPOSTE",#N/A,FALSE,"Imposte puntuali"}</definedName>
    <definedName name="wrn.Conto._.economico." localSheetId="4" hidden="1">{"PRO FORMA RIEPILOGO",#N/A,FALSE,"Pro forma";"PRO FORMA DETTAGLIO",#N/A,FALSE,"Pro forma";"IMPOSTE",#N/A,FALSE,"Imposte puntuali"}</definedName>
    <definedName name="wrn.Conto._.economico." hidden="1">{"PRO FORMA RIEPILOGO",#N/A,FALSE,"Pro forma";"PRO FORMA DETTAGLIO",#N/A,FALSE,"Pro forma";"IMPOSTE",#N/A,FALSE,"Imposte puntuali"}</definedName>
    <definedName name="wrn.Nota._.integrativa." localSheetId="1"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5"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3" hidden="1">{#N/A,#N/A,TRUE,"Voce 40 1.3";#N/A,#N/A,TRUE,"VALUT. CREDITI  BANCHE";#N/A,#N/A,TRUE,"Voce 40 1.2";#N/A,#N/A,TRUE,"CREDITI  BANCHE NUOVO PROSP.";#N/A,#N/A,TRUE,"Voce 40 1.3";#N/A,#N/A,TRUE,"Nota integrativa 1.4";#N/A,#N/A,TRUE,"Nota integrativa 1.5";#N/A,#N/A,TRUE,"CREDITI 1.6";#N/A,#N/A,TRUE,"CREDITI  CL. NUOVO PROSPETTO"}</definedName>
    <definedName name="wrn.Nota._.integrativa." localSheetId="4" hidden="1">{#N/A,#N/A,TRUE,"Voce 40 1.3";#N/A,#N/A,TRUE,"VALUT. CREDITI  BANCHE";#N/A,#N/A,TRUE,"Voce 40 1.2";#N/A,#N/A,TRUE,"CREDITI  BANCHE NUOVO PROSP.";#N/A,#N/A,TRUE,"Voce 40 1.3";#N/A,#N/A,TRUE,"Nota integrativa 1.4";#N/A,#N/A,TRUE,"Nota integrativa 1.5";#N/A,#N/A,TRUE,"CREDITI 1.6";#N/A,#N/A,TRUE,"CREDITI  CL. NUOVO PROSPETTO"}</definedName>
    <definedName name="wrn.Nota._.integrativa." hidden="1">{#N/A,#N/A,TRUE,"Voce 40 1.3";#N/A,#N/A,TRUE,"VALUT. CREDITI  BANCHE";#N/A,#N/A,TRUE,"Voce 40 1.2";#N/A,#N/A,TRUE,"CREDITI  BANCHE NUOVO PROSP.";#N/A,#N/A,TRUE,"Voce 40 1.3";#N/A,#N/A,TRUE,"Nota integrativa 1.4";#N/A,#N/A,TRUE,"Nota integrativa 1.5";#N/A,#N/A,TRUE,"CREDITI 1.6";#N/A,#N/A,TRUE,"CREDITI  CL. NUOVO PROSPETTO"}</definedName>
    <definedName name="wrn.NOTA._.INTEGRATIVA._.TITOLI." localSheetId="1" hidden="1">{#N/A,#N/A,FALSE,"2";#N/A,#N/A,FALSE,"2,1";#N/A,#N/A,FALSE,"Var annue tit.imm. ";#N/A,#N/A,FALSE,"2,3";#N/A,#N/A,FALSE,"Var annue titoli - prospetto"}</definedName>
    <definedName name="wrn.NOTA._.INTEGRATIVA._.TITOLI." localSheetId="5" hidden="1">{#N/A,#N/A,FALSE,"2";#N/A,#N/A,FALSE,"2,1";#N/A,#N/A,FALSE,"Var annue tit.imm. ";#N/A,#N/A,FALSE,"2,3";#N/A,#N/A,FALSE,"Var annue titoli - prospetto"}</definedName>
    <definedName name="wrn.NOTA._.INTEGRATIVA._.TITOLI." localSheetId="3" hidden="1">{#N/A,#N/A,FALSE,"2";#N/A,#N/A,FALSE,"2,1";#N/A,#N/A,FALSE,"Var annue tit.imm. ";#N/A,#N/A,FALSE,"2,3";#N/A,#N/A,FALSE,"Var annue titoli - prospetto"}</definedName>
    <definedName name="wrn.NOTA._.INTEGRATIVA._.TITOLI." localSheetId="4" hidden="1">{#N/A,#N/A,FALSE,"2";#N/A,#N/A,FALSE,"2,1";#N/A,#N/A,FALSE,"Var annue tit.imm. ";#N/A,#N/A,FALSE,"2,3";#N/A,#N/A,FALSE,"Var annue titoli - prospetto"}</definedName>
    <definedName name="wrn.NOTA._.INTEGRATIVA._.TITOLI." hidden="1">{#N/A,#N/A,FALSE,"2";#N/A,#N/A,FALSE,"2,1";#N/A,#N/A,FALSE,"Var annue tit.imm. ";#N/A,#N/A,FALSE,"2,3";#N/A,#N/A,FALSE,"Var annue titoli - prospetto"}</definedName>
    <definedName name="wrn.PROSPETTI._.PROFORMA." localSheetId="1" hidden="1">{#N/A,#N/A,FALSE,"A3";#N/A,#N/A,FALSE,"AT2";#N/A,#N/A,FALSE,"PA2";#N/A,#N/A,FALSE,"GI2";#N/A,#N/A,FALSE,"EC2"}</definedName>
    <definedName name="wrn.PROSPETTI._.PROFORMA." localSheetId="5" hidden="1">{#N/A,#N/A,FALSE,"A3";#N/A,#N/A,FALSE,"AT2";#N/A,#N/A,FALSE,"PA2";#N/A,#N/A,FALSE,"GI2";#N/A,#N/A,FALSE,"EC2"}</definedName>
    <definedName name="wrn.PROSPETTI._.PROFORMA." localSheetId="3" hidden="1">{#N/A,#N/A,FALSE,"A3";#N/A,#N/A,FALSE,"AT2";#N/A,#N/A,FALSE,"PA2";#N/A,#N/A,FALSE,"GI2";#N/A,#N/A,FALSE,"EC2"}</definedName>
    <definedName name="wrn.PROSPETTI._.PROFORMA." localSheetId="4" hidden="1">{#N/A,#N/A,FALSE,"A3";#N/A,#N/A,FALSE,"AT2";#N/A,#N/A,FALSE,"PA2";#N/A,#N/A,FALSE,"GI2";#N/A,#N/A,FALSE,"EC2"}</definedName>
    <definedName name="wrn.PROSPETTI._.PROFORMA." hidden="1">{#N/A,#N/A,FALSE,"A3";#N/A,#N/A,FALSE,"AT2";#N/A,#N/A,FALSE,"PA2";#N/A,#N/A,FALSE,"GI2";#N/A,#N/A,FALSE,"EC2"}</definedName>
    <definedName name="x">#N/A</definedName>
    <definedName name="x_doppio">#N/A</definedName>
    <definedName name="xRng_1c5cb470e057429594b994031d478e59">'[13]Riepilogo impatti  REPO'!#REF!</definedName>
    <definedName name="xRng_49381eb59df44bb38b1451d86b8f56a2">'[13]Riepilogo impatti  REPO'!#REF!</definedName>
    <definedName name="xRng_567cb857a40b449bb3646b90f24a17ae">#REF!</definedName>
    <definedName name="xRng_5fa5219525764cb6b03eb43c1a164442">#REF!</definedName>
    <definedName name="xRng_68e58a018eae44c68f7aa8f1b9253c01">'[13]Riepilogo impatti  REPO'!#REF!</definedName>
    <definedName name="xRng_8a10f7dbaa8a461a8204414dc696662c">'[13]Riepilogo impatti  REPO'!#REF!</definedName>
    <definedName name="xRng_9d8ff95b98ee47a3a422479a22308884">#REF!</definedName>
    <definedName name="xRng_b3d44a6ded744a57950d78088efe52b8">'[13]Riepilogo impatti  REPO'!#REF!</definedName>
    <definedName name="xRng_b8f994669170445da68361a7faf5bf43">#REF!</definedName>
    <definedName name="xRng_c347f1891a3141b5a8da19157f47ade1">#REF!</definedName>
    <definedName name="xRng_cf829f343c5c49d696cef92bfc179e25">#REF!</definedName>
    <definedName name="xRng_db5dfb1853f9439284ddd3ca2a468dea">#REF!</definedName>
    <definedName name="xRng_e13b77c3a3fb4091983f5ebd02fa6e55">#REF!</definedName>
    <definedName name="xRng_faad1842f887404fa3f8973a65795dc2">#REF!</definedName>
    <definedName name="XXXX">[1]B7E011F232!#REF!</definedName>
    <definedName name="y">#N/A</definedName>
    <definedName name="y_doppio">#N/A</definedName>
    <definedName name="z">#N/A</definedName>
    <definedName name="z_doppio">#N/A</definedName>
    <definedName name="ZZZZ">[1]B7B1140600!#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208" uniqueCount="144">
  <si>
    <t>INCOME STATEMENT AND BALANCE SHEET FIGURES</t>
  </si>
  <si>
    <t>MPS GROUP</t>
  </si>
  <si>
    <t>INCOME STATEMENT FIGURES (EUR mln)</t>
  </si>
  <si>
    <t>Chg.</t>
  </si>
  <si>
    <t>Net interest income</t>
  </si>
  <si>
    <t>Net fee and commission income</t>
  </si>
  <si>
    <t>Other income from banking business</t>
  </si>
  <si>
    <t>Other operating income and expenses</t>
  </si>
  <si>
    <t>Total Revenues</t>
  </si>
  <si>
    <t>Operating expenses</t>
  </si>
  <si>
    <t>Cost of customer credit</t>
  </si>
  <si>
    <t>Other value adjustments</t>
  </si>
  <si>
    <t>Net operating income (loss)</t>
  </si>
  <si>
    <t>Non-operating items</t>
  </si>
  <si>
    <t>Parent company's net profit (loss) for the period</t>
  </si>
  <si>
    <t>EARNINGS PER SHARE (EUR)</t>
  </si>
  <si>
    <t>Basic earnings per share</t>
  </si>
  <si>
    <t>Diluted earnings per share</t>
  </si>
  <si>
    <t>BALANCE SHEET FIGURES AND INDICATORS (EUR mln)</t>
  </si>
  <si>
    <t>Total assets</t>
  </si>
  <si>
    <t xml:space="preserve">Loans to customers </t>
  </si>
  <si>
    <t>Direct funding</t>
  </si>
  <si>
    <t>Indirect funding</t>
  </si>
  <si>
    <t xml:space="preserve">     of which: assets under management</t>
  </si>
  <si>
    <t xml:space="preserve">     of which: assets under custody</t>
  </si>
  <si>
    <t>Group net equity</t>
  </si>
  <si>
    <t xml:space="preserve">OPERATING STRUCTURE </t>
  </si>
  <si>
    <t>Total headcount - end of period</t>
  </si>
  <si>
    <t xml:space="preserve">Number of branches in Italy </t>
  </si>
  <si>
    <t>ALTERNATIVE PERFORMANCE MEASURES</t>
  </si>
  <si>
    <t>PROFITABILITY RATIOS (%)</t>
  </si>
  <si>
    <t xml:space="preserve">Cost/Income ratio </t>
  </si>
  <si>
    <t>ROE (on average equity)</t>
  </si>
  <si>
    <t>ROA</t>
  </si>
  <si>
    <t>ROTE</t>
  </si>
  <si>
    <t>CREDIT QUALITY RATIOS (%)</t>
  </si>
  <si>
    <t>Net non performing loans to customers / Loans to Customers (Net NPL ratio)</t>
  </si>
  <si>
    <t>Gross NPL ratio</t>
  </si>
  <si>
    <t>Rate of change of non-performing loans to customers</t>
  </si>
  <si>
    <t xml:space="preserve">Bad loans to custormers/ Loans to Customers
</t>
  </si>
  <si>
    <t>Loans to customers measured at amortised cost - Stage 2/Performing loans to customers measured at amortised cost</t>
  </si>
  <si>
    <t>Coverage of non-performing loans to customers</t>
  </si>
  <si>
    <t>Coverage of bad loans to customers</t>
  </si>
  <si>
    <t>Cost of customers credit/Customers loans (Provisioning)</t>
  </si>
  <si>
    <t>Texas Ratio</t>
  </si>
  <si>
    <t>REGULATORY MEASURES</t>
  </si>
  <si>
    <t>CAPITAL RATIOS (%)</t>
  </si>
  <si>
    <t>Common Equity Tier 1 (CET1) ratio - phase in</t>
  </si>
  <si>
    <t>Common Equity Tier 1 (CET1) ratio - fully loaded</t>
  </si>
  <si>
    <t>Total Capital ratio - phase in</t>
  </si>
  <si>
    <t>Total Capital ratio - fully loaded</t>
  </si>
  <si>
    <t>FINANCIAL LEVERAGE INDEX (%)</t>
  </si>
  <si>
    <t>Leverage ratio - transitional definition</t>
  </si>
  <si>
    <t>Leverage ratio - fully phased</t>
  </si>
  <si>
    <t>LIQUIDITY RATIO ( % )</t>
  </si>
  <si>
    <t>LCR</t>
  </si>
  <si>
    <t>NSFR</t>
  </si>
  <si>
    <t>Encumbered asset ratio</t>
  </si>
  <si>
    <t>Loan to deposit ratio</t>
  </si>
  <si>
    <t>Unencumbered Counterbalancing capacity (bn of Eur)</t>
  </si>
  <si>
    <t xml:space="preserve">Reclassified Consolidated Income Statement </t>
  </si>
  <si>
    <t>MONTEPASCHI GROUP</t>
  </si>
  <si>
    <t>Change</t>
  </si>
  <si>
    <t>%</t>
  </si>
  <si>
    <t>Abs.</t>
  </si>
  <si>
    <t xml:space="preserve">Income from banking activities </t>
  </si>
  <si>
    <t xml:space="preserve">Dividends, similar income and gains (losses) on investments </t>
  </si>
  <si>
    <t>Net profit (loss) from trading, the fair value measurement of assets/liabilities and Net gains (losses) on disposals/repurchases</t>
  </si>
  <si>
    <t>Net profit (loss) from hedging</t>
  </si>
  <si>
    <t>Other operating income (expenses)</t>
  </si>
  <si>
    <t>Administrative expenses:</t>
  </si>
  <si>
    <t xml:space="preserve">    a) personnel expenses</t>
  </si>
  <si>
    <t xml:space="preserve">    b) other administrative expenses</t>
  </si>
  <si>
    <t>Net value adjustments to property, plant and equipment and intangible assets</t>
  </si>
  <si>
    <t>Pre-Provision Operating Profit</t>
  </si>
  <si>
    <t>Net impairment (losses)/reversals on securities and loans to banks</t>
  </si>
  <si>
    <t xml:space="preserve">Net operating income </t>
  </si>
  <si>
    <t>Net provisions for risks and charges</t>
  </si>
  <si>
    <t>Other gains (losses) on equity investments</t>
  </si>
  <si>
    <t>Restructuring costs / One-off costs</t>
  </si>
  <si>
    <t>Risks and charges associated to the SRF, DGS and similar schemes</t>
  </si>
  <si>
    <t>DTA Fee</t>
  </si>
  <si>
    <t xml:space="preserve">Net gains (losses) on property, plant and equipment and intangible assets measured at fair value </t>
  </si>
  <si>
    <t>Gains (losses) on disposal of investments</t>
  </si>
  <si>
    <t>Profit (Loss) for the period before tax</t>
  </si>
  <si>
    <t>Tax (expense)/recovery  on income from continuing operations</t>
  </si>
  <si>
    <t>Profit (Loss) after tax</t>
  </si>
  <si>
    <t>Net profit (loss) for the period including non-controlling interests</t>
  </si>
  <si>
    <t>Net profit (loss) attributable to non-controlling interests</t>
  </si>
  <si>
    <t>Parent Company's Profit (loss) for the period before PPA</t>
  </si>
  <si>
    <t>PPA (Purchase Price Allocation)</t>
  </si>
  <si>
    <r>
      <t>Quarterly trend in reclassified consolidated income statement</t>
    </r>
    <r>
      <rPr>
        <sz val="8"/>
        <color rgb="FF99042F"/>
        <rFont val="Garamond"/>
        <family val="1"/>
      </rPr>
      <t xml:space="preserve"> </t>
    </r>
  </si>
  <si>
    <t xml:space="preserve">Reclassified Balance Sheet - Quarterly Trend </t>
  </si>
  <si>
    <t>Assets</t>
  </si>
  <si>
    <t>31 03 2022</t>
  </si>
  <si>
    <t>Liabilities</t>
  </si>
  <si>
    <t>n.m.</t>
  </si>
  <si>
    <t>2021</t>
  </si>
  <si>
    <t>1°Q 2022</t>
  </si>
  <si>
    <t>4°Q 2021</t>
  </si>
  <si>
    <t>3°Q 2021</t>
  </si>
  <si>
    <t>2°Q 2021</t>
  </si>
  <si>
    <t>1°Q 2021</t>
  </si>
  <si>
    <t>31 12 2021</t>
  </si>
  <si>
    <t>30 09 2021</t>
  </si>
  <si>
    <t>30 06 2021</t>
  </si>
  <si>
    <t>31 03 2021</t>
  </si>
  <si>
    <t>Cash and cash equivalents</t>
  </si>
  <si>
    <t>Loans to central banks</t>
  </si>
  <si>
    <t>Loans to banks</t>
  </si>
  <si>
    <t>Loans to customers</t>
  </si>
  <si>
    <t>Securities assets</t>
  </si>
  <si>
    <t>Derivatives</t>
  </si>
  <si>
    <t>Equity investments</t>
  </si>
  <si>
    <t xml:space="preserve">Property, plant and equipment/Intangible assets </t>
  </si>
  <si>
    <t xml:space="preserve">       a) goodwill</t>
  </si>
  <si>
    <t>Tax assets</t>
  </si>
  <si>
    <t>Other assets</t>
  </si>
  <si>
    <t xml:space="preserve">    a) Due to customers </t>
  </si>
  <si>
    <t xml:space="preserve">    b) Securities issued</t>
  </si>
  <si>
    <t xml:space="preserve">Due to central banks </t>
  </si>
  <si>
    <t xml:space="preserve">Due to banks </t>
  </si>
  <si>
    <t>On-balance-sheet financial liabilities held for trading</t>
  </si>
  <si>
    <t>Provisions for specific use</t>
  </si>
  <si>
    <t xml:space="preserve">    a) Provision for staff severance indemnities</t>
  </si>
  <si>
    <t xml:space="preserve">    b) Provision related to guarantees and other
        commitments given</t>
  </si>
  <si>
    <t xml:space="preserve">    c) Pension and other post-retirement benefit 
        obligations</t>
  </si>
  <si>
    <t xml:space="preserve">    d) Other provisions </t>
  </si>
  <si>
    <t>Tax liabilities</t>
  </si>
  <si>
    <t>Other liabilities</t>
  </si>
  <si>
    <t xml:space="preserve">    a) Valuation reserves</t>
  </si>
  <si>
    <t xml:space="preserve">    d) Reserves</t>
  </si>
  <si>
    <t xml:space="preserve">    f) Share capital</t>
  </si>
  <si>
    <t xml:space="preserve">    g) Treasury shares (-)</t>
  </si>
  <si>
    <t xml:space="preserve">    h) Net profit (loss) for the period</t>
  </si>
  <si>
    <t>Non-controlling interests</t>
  </si>
  <si>
    <t>Total Liabilities and Shareholders' Equity</t>
  </si>
  <si>
    <r>
      <t>In the determination of capital ratios, the “</t>
    </r>
    <r>
      <rPr>
        <b/>
        <sz val="8"/>
        <rFont val="Garamond"/>
        <family val="1"/>
      </rPr>
      <t>phase-in</t>
    </r>
    <r>
      <rPr>
        <sz val="8"/>
        <rFont val="Garamond"/>
        <family val="1"/>
      </rPr>
      <t>” (or “transitional”) version represents the application of calculation rules according to the regulatory framework in force at the reporting date, while the “</t>
    </r>
    <r>
      <rPr>
        <b/>
        <sz val="8"/>
        <rFont val="Garamond"/>
        <family val="1"/>
      </rPr>
      <t>fully loaded</t>
    </r>
    <r>
      <rPr>
        <sz val="8"/>
        <rFont val="Garamond"/>
        <family val="1"/>
      </rPr>
      <t xml:space="preserve">” version incorporates in the calculation the rules as expected when fully operational. 
</t>
    </r>
    <r>
      <rPr>
        <b/>
        <sz val="8"/>
        <rFont val="Garamond"/>
        <family val="1"/>
      </rPr>
      <t>Common equity Tier 1 (CET1) ratio</t>
    </r>
    <r>
      <rPr>
        <sz val="8"/>
        <rFont val="Garamond"/>
        <family val="1"/>
      </rPr>
      <t xml:space="preserve">: ratio between core capital </t>
    </r>
    <r>
      <rPr>
        <vertAlign val="superscript"/>
        <sz val="8"/>
        <rFont val="Garamond"/>
        <family val="1"/>
      </rPr>
      <t>[1]</t>
    </r>
    <r>
      <rPr>
        <sz val="8"/>
        <rFont val="Garamond"/>
        <family val="1"/>
      </rPr>
      <t xml:space="preserve"> and total risk-weighted assets (RWAs). </t>
    </r>
    <r>
      <rPr>
        <vertAlign val="superscript"/>
        <sz val="8"/>
        <rFont val="Garamond"/>
        <family val="1"/>
      </rPr>
      <t>[2]</t>
    </r>
    <r>
      <rPr>
        <sz val="8"/>
        <rFont val="Garamond"/>
        <family val="1"/>
      </rPr>
      <t xml:space="preserve">
</t>
    </r>
    <r>
      <rPr>
        <b/>
        <sz val="8"/>
        <rFont val="Garamond"/>
        <family val="1"/>
      </rPr>
      <t>Total Capital ratio</t>
    </r>
    <r>
      <rPr>
        <sz val="8"/>
        <rFont val="Garamond"/>
        <family val="1"/>
      </rPr>
      <t xml:space="preserve">: ratio between own funds and total RWAs. 
</t>
    </r>
    <r>
      <rPr>
        <b/>
        <sz val="8"/>
        <rFont val="Garamond"/>
        <family val="1"/>
      </rPr>
      <t>Leverage ratio</t>
    </r>
    <r>
      <rPr>
        <sz val="8"/>
        <rFont val="Garamond"/>
        <family val="1"/>
      </rPr>
      <t>: indicator calculated as the ratio between Tier 1</t>
    </r>
    <r>
      <rPr>
        <vertAlign val="superscript"/>
        <sz val="8"/>
        <rFont val="Garamond"/>
        <family val="1"/>
      </rPr>
      <t>[3]</t>
    </r>
    <r>
      <rPr>
        <sz val="8"/>
        <rFont val="Garamond"/>
        <family val="1"/>
      </rPr>
      <t xml:space="preserve"> capital and total assets, introduced by Basel regulations with the objective of containing the increase in leverage in the banking sector and strengthening risk-based requirements through a different measure based on financial statement aggregates. 
</t>
    </r>
    <r>
      <rPr>
        <b/>
        <sz val="8"/>
        <rFont val="Garamond"/>
        <family val="1"/>
      </rPr>
      <t>Liquidity Coverage Ratio (LCR)</t>
    </r>
    <r>
      <rPr>
        <sz val="8"/>
        <rFont val="Garamond"/>
        <family val="1"/>
      </rPr>
      <t xml:space="preserve">: short-term liquidity indicator corresponding to the ratio between the amount of high-quality liquid assets and the total net cash outflows in the subsequent 30 calendar days subsequent to the reporting date.
</t>
    </r>
    <r>
      <rPr>
        <b/>
        <sz val="8"/>
        <rFont val="Garamond"/>
        <family val="1"/>
      </rPr>
      <t xml:space="preserve">Net Stable Funding Ratio (NSFR): </t>
    </r>
    <r>
      <rPr>
        <sz val="8"/>
        <rFont val="Garamond"/>
        <family val="1"/>
      </rPr>
      <t xml:space="preserve">structural 12-month liquidity indicator corresponding to the ratio between the available stable funding amount and the required stable funding amount. 
</t>
    </r>
    <r>
      <rPr>
        <b/>
        <sz val="8"/>
        <rFont val="Garamond"/>
        <family val="1"/>
      </rPr>
      <t xml:space="preserve">
Encumbered asset ratio</t>
    </r>
    <r>
      <rPr>
        <sz val="8"/>
        <rFont val="Garamond"/>
        <family val="1"/>
      </rPr>
      <t xml:space="preserve">: ratio between the book value of encumbered assets and collateral and total assets and collateral (XVII, section 1.6, point 9, of Regulation (EU) 79/2015). 
</t>
    </r>
    <r>
      <rPr>
        <b/>
        <sz val="8"/>
        <rFont val="Garamond"/>
        <family val="1"/>
      </rPr>
      <t>Loan to deposit ratio</t>
    </r>
    <r>
      <rPr>
        <sz val="8"/>
        <rFont val="Garamond"/>
        <family val="1"/>
      </rPr>
      <t xml:space="preserve">: ratio between net loans to customers and direct funding (deposits from customers and securities issued). 
</t>
    </r>
    <r>
      <rPr>
        <b/>
        <sz val="8"/>
        <rFont val="Garamond"/>
        <family val="1"/>
      </rPr>
      <t>Unencumbered counterbalancing capacity</t>
    </r>
    <r>
      <rPr>
        <sz val="8"/>
        <rFont val="Garamond"/>
        <family val="1"/>
      </rPr>
      <t>: sum of items that are certain and free from any commitment that the Group can use to meet its liquidity requirements, consisting of financial and commercial assets eligible for refinancing operations with the ECB and assets granted on the collateralised interbank market and not used, to which a haircut, published on a daily basis by the ECB, is prudentially applied.</t>
    </r>
  </si>
  <si>
    <r>
      <rPr>
        <vertAlign val="superscript"/>
        <sz val="8"/>
        <rFont val="Garamond"/>
        <family val="1"/>
      </rPr>
      <t>[1]</t>
    </r>
    <r>
      <rPr>
        <sz val="8"/>
        <rFont val="Garamond"/>
        <family val="1"/>
      </rPr>
      <t xml:space="preserve"> Defined by Article 4 of Regulation (EU) no. 575/2013 (Capital Requirements Regulation, CRR). It consists of capital items and instruments net of the required adjustments and deductions.</t>
    </r>
  </si>
  <si>
    <r>
      <rPr>
        <vertAlign val="superscript"/>
        <sz val="8"/>
        <rFont val="Garamond"/>
        <family val="1"/>
      </rPr>
      <t>[2]</t>
    </r>
    <r>
      <rPr>
        <sz val="8"/>
        <rFont val="Garamond"/>
        <family val="1"/>
      </rPr>
      <t xml:space="preserve"> Risk-weighted assets: the result of the application of certain risk weights to exposures, determined according to supervisory rules.  </t>
    </r>
  </si>
  <si>
    <r>
      <rPr>
        <vertAlign val="superscript"/>
        <sz val="8"/>
        <rFont val="Garamond"/>
        <family val="1"/>
      </rPr>
      <t>[3]</t>
    </r>
    <r>
      <rPr>
        <sz val="8"/>
        <rFont val="Garamond"/>
        <family val="1"/>
      </rPr>
      <t xml:space="preserve"> Sum of the entity’s Common Equity Tier 1 (CET1) and Additional Tier 1 (AT1) capital, as defined by art. 25 of Regulation (EU) no. 575/2013.  </t>
    </r>
  </si>
  <si>
    <r>
      <t xml:space="preserve">[1] </t>
    </r>
    <r>
      <rPr>
        <sz val="8"/>
        <rFont val="Garamond"/>
        <family val="1"/>
      </rPr>
      <t>Book value of the Group’s shareholders’ equity, inclusive of the profit (loss) for the period, cleared of goodwill and other intangible assets.</t>
    </r>
  </si>
  <si>
    <r>
      <t>[2]</t>
    </r>
    <r>
      <rPr>
        <vertAlign val="superscript"/>
        <sz val="10"/>
        <rFont val="Comic Sans MS"/>
        <family val="4"/>
      </rPr>
      <t xml:space="preserve"> </t>
    </r>
    <r>
      <rPr>
        <sz val="8"/>
        <rFont val="Garamond"/>
        <family val="1"/>
      </rPr>
      <t>EBA GL/2018/10.</t>
    </r>
  </si>
  <si>
    <r>
      <rPr>
        <b/>
        <sz val="8"/>
        <rFont val="Garamond"/>
        <family val="1"/>
      </rPr>
      <t>Cost/Income ratio</t>
    </r>
    <r>
      <rPr>
        <sz val="8"/>
        <rFont val="Garamond"/>
        <family val="1"/>
      </rPr>
      <t xml:space="preserve">: ratio between operating expenses (administrative expenses and net value adjustments to property, plant and equipment and intangible assets) and total revenues (for the composition of this aggregate, see the reclassified income statement).
</t>
    </r>
    <r>
      <rPr>
        <b/>
        <sz val="8"/>
        <rFont val="Garamond"/>
        <family val="1"/>
      </rPr>
      <t xml:space="preserve">
Return On Equity (ROE)</t>
    </r>
    <r>
      <rPr>
        <sz val="8"/>
        <rFont val="Garamond"/>
        <family val="1"/>
      </rPr>
      <t xml:space="preserve">: ratio between the annualised net profit (loss) for the period and the average between the Group shareholders’ equity (including profit and valuation reserves) at the end of the period and the Group shareholders’ equity at the end of the previous year. 
</t>
    </r>
    <r>
      <rPr>
        <b/>
        <sz val="8"/>
        <rFont val="Garamond"/>
        <family val="1"/>
      </rPr>
      <t xml:space="preserve">
Return On Asset (ROA)</t>
    </r>
    <r>
      <rPr>
        <sz val="8"/>
        <rFont val="Garamond"/>
        <family val="1"/>
      </rPr>
      <t xml:space="preserve">: ratio between the annualised net profit (loss) for the period and total assets at the end of the period.
</t>
    </r>
    <r>
      <rPr>
        <b/>
        <sz val="8"/>
        <rFont val="Garamond"/>
        <family val="1"/>
      </rPr>
      <t xml:space="preserve">
Return On Tangible Equity (ROTE)</t>
    </r>
    <r>
      <rPr>
        <sz val="8"/>
        <rFont val="Garamond"/>
        <family val="1"/>
      </rPr>
      <t xml:space="preserve">: ratio between annualised net profit (loss) for the period and the average between the tangible shareholders’ equity  </t>
    </r>
    <r>
      <rPr>
        <vertAlign val="superscript"/>
        <sz val="8"/>
        <rFont val="Garamond"/>
        <family val="1"/>
      </rPr>
      <t>[1]</t>
    </r>
    <r>
      <rPr>
        <sz val="8"/>
        <rFont val="Garamond"/>
        <family val="1"/>
      </rPr>
      <t xml:space="preserve"> at the end of the year and that of the end of the period. 
</t>
    </r>
    <r>
      <rPr>
        <b/>
        <sz val="8"/>
        <rFont val="Garamond"/>
        <family val="1"/>
      </rPr>
      <t xml:space="preserve">
Gross NPL Ratio</t>
    </r>
    <r>
      <rPr>
        <sz val="8"/>
        <rFont val="Garamond"/>
        <family val="1"/>
      </rPr>
      <t xml:space="preserve">: gross weight of non-performing loans calculated, as per EBA guidelines </t>
    </r>
    <r>
      <rPr>
        <vertAlign val="superscript"/>
        <sz val="8"/>
        <rFont val="Garamond"/>
        <family val="1"/>
      </rPr>
      <t>[2]</t>
    </r>
    <r>
      <rPr>
        <sz val="8"/>
        <rFont val="Garamond"/>
        <family val="1"/>
      </rPr>
      <t xml:space="preserve">, as the ratio between gross non-performing loans to customers and banks </t>
    </r>
    <r>
      <rPr>
        <vertAlign val="superscript"/>
        <sz val="8"/>
        <rFont val="Garamond"/>
        <family val="1"/>
      </rPr>
      <t>[3]</t>
    </r>
    <r>
      <rPr>
        <sz val="8"/>
        <rFont val="Garamond"/>
        <family val="1"/>
      </rPr>
      <t xml:space="preserve">, net of assets held for sale, and total gross loans to customers and banks, net of assets held for sale. 
</t>
    </r>
    <r>
      <rPr>
        <b/>
        <sz val="8"/>
        <rFont val="Garamond"/>
        <family val="1"/>
      </rPr>
      <t xml:space="preserve">
Rate of change of non-performing loans to customers </t>
    </r>
    <r>
      <rPr>
        <sz val="8"/>
        <rFont val="Garamond"/>
        <family val="1"/>
      </rPr>
      <t xml:space="preserve">represents the growth rate of gross non-performing loans to customers based on the difference with stocks at the end of the year. 
</t>
    </r>
    <r>
      <rPr>
        <b/>
        <sz val="8"/>
        <rFont val="Garamond"/>
        <family val="1"/>
      </rPr>
      <t xml:space="preserve">Coverage of impaired loans to customers </t>
    </r>
    <r>
      <rPr>
        <sz val="8"/>
        <rFont val="Garamond"/>
        <family val="1"/>
      </rPr>
      <t xml:space="preserve">and </t>
    </r>
    <r>
      <rPr>
        <b/>
        <sz val="8"/>
        <rFont val="Garamond"/>
        <family val="1"/>
      </rPr>
      <t>Coverage of bad loans to customers</t>
    </r>
    <r>
      <rPr>
        <sz val="8"/>
        <rFont val="Garamond"/>
        <family val="1"/>
      </rPr>
      <t xml:space="preserve">: the coverage ratio on impaired and bad loans to customers is calculated as the ratio between the relative loan loss provisions and the corresponding gross exposures. 
</t>
    </r>
    <r>
      <rPr>
        <b/>
        <sz val="8"/>
        <rFont val="Garamond"/>
        <family val="1"/>
      </rPr>
      <t xml:space="preserve">
Provisioning</t>
    </r>
    <r>
      <rPr>
        <sz val="8"/>
        <rFont val="Garamond"/>
        <family val="1"/>
      </rPr>
      <t xml:space="preserve">: ratio the cost of customer loans and the sum of loans to customers and the value of securities from disposals/securitisations of NPLs.
</t>
    </r>
    <r>
      <rPr>
        <b/>
        <sz val="8"/>
        <rFont val="Garamond"/>
        <family val="1"/>
      </rPr>
      <t xml:space="preserve">
Texas Ratio</t>
    </r>
    <r>
      <rPr>
        <sz val="8"/>
        <rFont val="Garamond"/>
        <family val="1"/>
      </rPr>
      <t>: ratio between gross impaired loans to customers and the sum, in the denominator, of the related loan loss provisions and of the tangible shareholders’ equity.</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5">
    <numFmt numFmtId="164" formatCode="_(* #,##0_);_(* \(#,##0\);_(* &quot;-&quot;_);_(@_)"/>
    <numFmt numFmtId="165" formatCode="dd\ mm\ yyyy\ \ "/>
    <numFmt numFmtId="166" formatCode="#,##0.0"/>
    <numFmt numFmtId="167" formatCode="#,##0.0;\(#,##0.0\)"/>
    <numFmt numFmtId="168" formatCode="0.0%"/>
    <numFmt numFmtId="169" formatCode="_(* #,##0.0_);_(* \(#,##0.0\);_(* &quot;-&quot;_);_(@_)"/>
    <numFmt numFmtId="170" formatCode="_-[$€]\ * #,##0.00_-;\-[$€]\ * #,##0.00_-;_-[$€]\ * &quot;-&quot;??_-;_-@_-"/>
    <numFmt numFmtId="171" formatCode="_(* #,##0.000_);_(* \(#,##0.000\);_(* &quot;-&quot;_);_(@_)"/>
    <numFmt numFmtId="172" formatCode="#,##0.00000"/>
    <numFmt numFmtId="173" formatCode="#,##0.00000000000"/>
    <numFmt numFmtId="174" formatCode="_-* #,##0.0_-;\-* #,##0.0_-;_-* &quot;-&quot;?_-;_-@_-"/>
    <numFmt numFmtId="175" formatCode="_ * #,##0_ ;_ * \-#,##0_ ;_ * &quot;-&quot;_ ;_ @_ "/>
    <numFmt numFmtId="176" formatCode="_-* #,##0.0\ _€_-;\-* #,##0.0\ _€_-;_-* &quot;-&quot;?\ _€_-;_-@_-"/>
    <numFmt numFmtId="177" formatCode="dd\ mm\ yyyy"/>
    <numFmt numFmtId="178" formatCode="#,##0;\(#,##0\)"/>
  </numFmts>
  <fonts count="22">
    <font>
      <sz val="10"/>
      <name val="Arial"/>
    </font>
    <font>
      <sz val="11"/>
      <color theme="1"/>
      <name val="Calibri"/>
      <family val="2"/>
      <scheme val="minor"/>
    </font>
    <font>
      <sz val="8"/>
      <name val="Chianti Win95BT"/>
    </font>
    <font>
      <b/>
      <sz val="8"/>
      <color rgb="FF99042F"/>
      <name val="Garamond"/>
      <family val="1"/>
    </font>
    <font>
      <sz val="8"/>
      <color rgb="FF99042F"/>
      <name val="Garamond"/>
      <family val="1"/>
    </font>
    <font>
      <sz val="10"/>
      <name val="Arial"/>
      <family val="2"/>
    </font>
    <font>
      <sz val="8"/>
      <color theme="1"/>
      <name val="Garamond"/>
      <family val="1"/>
    </font>
    <font>
      <sz val="8"/>
      <name val="Garamond"/>
      <family val="1"/>
    </font>
    <font>
      <i/>
      <sz val="8"/>
      <color theme="1"/>
      <name val="Garamond"/>
      <family val="1"/>
    </font>
    <font>
      <i/>
      <sz val="8"/>
      <name val="Chianti Win95BT"/>
    </font>
    <font>
      <sz val="8"/>
      <color rgb="FF000000"/>
      <name val="Garamond"/>
      <family val="1"/>
    </font>
    <font>
      <i/>
      <sz val="8"/>
      <name val="Garamond"/>
      <family val="1"/>
    </font>
    <font>
      <sz val="8"/>
      <color rgb="FFFF0000"/>
      <name val="Garamond"/>
      <family val="1"/>
    </font>
    <font>
      <sz val="10"/>
      <name val="Chianti Win95BT"/>
    </font>
    <font>
      <b/>
      <sz val="10"/>
      <name val="Chianti Win95BT"/>
    </font>
    <font>
      <sz val="10"/>
      <color indexed="10"/>
      <name val="Chianti Win95BT"/>
    </font>
    <font>
      <b/>
      <sz val="8"/>
      <name val="Garamond"/>
      <family val="1"/>
    </font>
    <font>
      <b/>
      <sz val="8"/>
      <color theme="1"/>
      <name val="Garamond"/>
      <family val="1"/>
    </font>
    <font>
      <sz val="9"/>
      <name val="Arial"/>
      <family val="2"/>
    </font>
    <font>
      <sz val="8"/>
      <color indexed="8"/>
      <name val="Garamond"/>
      <family val="1"/>
    </font>
    <font>
      <vertAlign val="superscript"/>
      <sz val="8"/>
      <name val="Garamond"/>
      <family val="1"/>
    </font>
    <font>
      <vertAlign val="superscript"/>
      <sz val="10"/>
      <name val="Comic Sans MS"/>
      <family val="4"/>
    </font>
  </fonts>
  <fills count="8">
    <fill>
      <patternFill patternType="none"/>
    </fill>
    <fill>
      <patternFill patternType="gray125"/>
    </fill>
    <fill>
      <patternFill patternType="solid">
        <fgColor indexed="9"/>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theme="0" tint="-0.24994659260841701"/>
        <bgColor indexed="64"/>
      </patternFill>
    </fill>
  </fills>
  <borders count="26">
    <border>
      <left/>
      <right/>
      <top/>
      <bottom/>
      <diagonal/>
    </border>
    <border>
      <left/>
      <right/>
      <top/>
      <bottom style="thin">
        <color rgb="FF74002A"/>
      </bottom>
      <diagonal/>
    </border>
    <border>
      <left/>
      <right/>
      <top style="thin">
        <color rgb="FFBFBFBF"/>
      </top>
      <bottom style="thin">
        <color rgb="FFBFBFBF"/>
      </bottom>
      <diagonal/>
    </border>
    <border>
      <left/>
      <right/>
      <top style="thin">
        <color theme="0" tint="-0.24994659260841701"/>
      </top>
      <bottom style="thin">
        <color theme="0" tint="-0.24994659260841701"/>
      </bottom>
      <diagonal/>
    </border>
    <border>
      <left/>
      <right/>
      <top/>
      <bottom style="thin">
        <color rgb="FFBFBFBF"/>
      </bottom>
      <diagonal/>
    </border>
    <border>
      <left/>
      <right/>
      <top/>
      <bottom style="thin">
        <color rgb="FF930435"/>
      </bottom>
      <diagonal/>
    </border>
    <border>
      <left/>
      <right/>
      <top style="thin">
        <color indexed="16"/>
      </top>
      <bottom/>
      <diagonal/>
    </border>
    <border>
      <left/>
      <right/>
      <top style="thin">
        <color rgb="FF74002A"/>
      </top>
      <bottom/>
      <diagonal/>
    </border>
    <border>
      <left/>
      <right/>
      <top style="thin">
        <color rgb="FF74002A"/>
      </top>
      <bottom style="thin">
        <color rgb="FF74002A"/>
      </bottom>
      <diagonal/>
    </border>
    <border>
      <left/>
      <right/>
      <top/>
      <bottom style="thin">
        <color theme="0" tint="-0.24994659260841701"/>
      </bottom>
      <diagonal/>
    </border>
    <border>
      <left/>
      <right/>
      <top style="thin">
        <color theme="0" tint="-0.24994659260841701"/>
      </top>
      <bottom/>
      <diagonal/>
    </border>
    <border>
      <left/>
      <right/>
      <top style="thin">
        <color theme="0" tint="-0.24994659260841701"/>
      </top>
      <bottom style="thin">
        <color rgb="FF74002A"/>
      </bottom>
      <diagonal/>
    </border>
    <border>
      <left/>
      <right style="thin">
        <color rgb="FF74002A"/>
      </right>
      <top style="thin">
        <color rgb="FF74002A"/>
      </top>
      <bottom/>
      <diagonal/>
    </border>
    <border>
      <left/>
      <right style="thin">
        <color rgb="FF74002A"/>
      </right>
      <top/>
      <bottom/>
      <diagonal/>
    </border>
    <border>
      <left/>
      <right style="thin">
        <color rgb="FF74002A"/>
      </right>
      <top style="thin">
        <color rgb="FFBFBFBF"/>
      </top>
      <bottom style="thin">
        <color rgb="FFBFBFBF"/>
      </bottom>
      <diagonal/>
    </border>
    <border>
      <left/>
      <right style="thin">
        <color rgb="FF74002A"/>
      </right>
      <top/>
      <bottom style="thin">
        <color rgb="FFBFBFBF"/>
      </bottom>
      <diagonal/>
    </border>
    <border>
      <left style="thin">
        <color rgb="FF99042F"/>
      </left>
      <right/>
      <top/>
      <bottom/>
      <diagonal/>
    </border>
    <border>
      <left style="thin">
        <color rgb="FF99042F"/>
      </left>
      <right/>
      <top style="thin">
        <color rgb="FFBFBFBF"/>
      </top>
      <bottom style="thin">
        <color rgb="FFBFBFBF"/>
      </bottom>
      <diagonal/>
    </border>
    <border>
      <left style="thin">
        <color rgb="FF99042F"/>
      </left>
      <right/>
      <top style="thin">
        <color theme="0" tint="-0.24994659260841701"/>
      </top>
      <bottom style="thin">
        <color theme="0" tint="-0.24994659260841701"/>
      </bottom>
      <diagonal/>
    </border>
    <border>
      <left/>
      <right/>
      <top style="thin">
        <color rgb="FFBFBFBF"/>
      </top>
      <bottom style="thin">
        <color rgb="FF74002A"/>
      </bottom>
      <diagonal/>
    </border>
    <border>
      <left style="thin">
        <color rgb="FF99042F"/>
      </left>
      <right/>
      <top style="thin">
        <color rgb="FFBFBFBF"/>
      </top>
      <bottom style="thin">
        <color rgb="FF74002A"/>
      </bottom>
      <diagonal/>
    </border>
    <border>
      <left style="thin">
        <color indexed="64"/>
      </left>
      <right/>
      <top/>
      <bottom/>
      <diagonal/>
    </border>
    <border>
      <left style="thin">
        <color rgb="FF74002A"/>
      </left>
      <right/>
      <top/>
      <bottom style="thin">
        <color rgb="FF74002A"/>
      </bottom>
      <diagonal/>
    </border>
    <border>
      <left style="thin">
        <color rgb="FF74002A"/>
      </left>
      <right/>
      <top/>
      <bottom/>
      <diagonal/>
    </border>
    <border>
      <left/>
      <right style="thin">
        <color indexed="16"/>
      </right>
      <top style="thin">
        <color indexed="16"/>
      </top>
      <bottom/>
      <diagonal/>
    </border>
    <border>
      <left/>
      <right style="thin">
        <color indexed="16"/>
      </right>
      <top/>
      <bottom/>
      <diagonal/>
    </border>
  </borders>
  <cellStyleXfs count="9">
    <xf numFmtId="0" fontId="0" fillId="0" borderId="0"/>
    <xf numFmtId="164" fontId="5" fillId="0" borderId="0" applyFont="0" applyFill="0" applyBorder="0" applyAlignment="0" applyProtection="0"/>
    <xf numFmtId="9" fontId="5" fillId="0" borderId="0" applyFont="0" applyFill="0" applyBorder="0" applyAlignment="0" applyProtection="0"/>
    <xf numFmtId="164" fontId="5" fillId="0" borderId="0" applyFont="0" applyFill="0" applyBorder="0" applyAlignment="0" applyProtection="0"/>
    <xf numFmtId="0" fontId="5" fillId="0" borderId="0"/>
    <xf numFmtId="9" fontId="1" fillId="0" borderId="0" applyFont="0" applyFill="0" applyBorder="0" applyAlignment="0" applyProtection="0"/>
    <xf numFmtId="170" fontId="18" fillId="0" borderId="0"/>
    <xf numFmtId="175" fontId="5" fillId="0" borderId="0" applyFont="0" applyFill="0" applyBorder="0" applyAlignment="0" applyProtection="0"/>
    <xf numFmtId="170" fontId="18" fillId="0" borderId="0"/>
  </cellStyleXfs>
  <cellXfs count="266">
    <xf numFmtId="0" fontId="0" fillId="0" borderId="0" xfId="0"/>
    <xf numFmtId="0" fontId="2" fillId="0" borderId="0" xfId="0" applyFont="1" applyAlignment="1">
      <alignment vertical="center"/>
    </xf>
    <xf numFmtId="0" fontId="2" fillId="2" borderId="0" xfId="0" applyFont="1" applyFill="1" applyAlignment="1">
      <alignment vertical="center"/>
    </xf>
    <xf numFmtId="0" fontId="4" fillId="4" borderId="2" xfId="0" applyFont="1" applyFill="1" applyBorder="1" applyAlignment="1">
      <alignment vertical="center"/>
    </xf>
    <xf numFmtId="165" fontId="3" fillId="4" borderId="3" xfId="3" quotePrefix="1" applyNumberFormat="1" applyFont="1" applyFill="1" applyBorder="1" applyAlignment="1">
      <alignment horizontal="center" vertical="center"/>
    </xf>
    <xf numFmtId="49" fontId="3" fillId="4" borderId="2" xfId="0" applyNumberFormat="1" applyFont="1" applyFill="1" applyBorder="1" applyAlignment="1">
      <alignment horizontal="right" vertical="center"/>
    </xf>
    <xf numFmtId="0" fontId="2" fillId="3" borderId="0" xfId="0" applyFont="1" applyFill="1"/>
    <xf numFmtId="0" fontId="2" fillId="0" borderId="0" xfId="0" applyFont="1"/>
    <xf numFmtId="0" fontId="4" fillId="4" borderId="0" xfId="0" applyFont="1" applyFill="1" applyAlignment="1">
      <alignment vertical="center"/>
    </xf>
    <xf numFmtId="165" fontId="3" fillId="4" borderId="0" xfId="3" quotePrefix="1" applyNumberFormat="1" applyFont="1" applyFill="1" applyBorder="1" applyAlignment="1">
      <alignment horizontal="center" vertical="center"/>
    </xf>
    <xf numFmtId="0" fontId="2" fillId="2" borderId="0" xfId="0" applyFont="1" applyFill="1"/>
    <xf numFmtId="166" fontId="6" fillId="3" borderId="0" xfId="0" applyNumberFormat="1" applyFont="1" applyFill="1" applyAlignment="1">
      <alignment horizontal="left" vertical="center"/>
    </xf>
    <xf numFmtId="167" fontId="6" fillId="3" borderId="0" xfId="0" applyNumberFormat="1" applyFont="1" applyFill="1" applyAlignment="1">
      <alignment horizontal="right" vertical="center"/>
    </xf>
    <xf numFmtId="168" fontId="6" fillId="0" borderId="0" xfId="2" applyNumberFormat="1" applyFont="1" applyFill="1" applyBorder="1" applyAlignment="1">
      <alignment horizontal="right" vertical="center"/>
    </xf>
    <xf numFmtId="166" fontId="6" fillId="5" borderId="0" xfId="0" applyNumberFormat="1" applyFont="1" applyFill="1" applyAlignment="1">
      <alignment horizontal="left" vertical="center"/>
    </xf>
    <xf numFmtId="167" fontId="6" fillId="5" borderId="0" xfId="0" applyNumberFormat="1" applyFont="1" applyFill="1" applyAlignment="1">
      <alignment horizontal="right" vertical="center"/>
    </xf>
    <xf numFmtId="167" fontId="7" fillId="3" borderId="0" xfId="0" applyNumberFormat="1" applyFont="1" applyFill="1" applyAlignment="1">
      <alignment horizontal="right" vertical="center"/>
    </xf>
    <xf numFmtId="167" fontId="7" fillId="5" borderId="0" xfId="0" applyNumberFormat="1" applyFont="1" applyFill="1" applyAlignment="1">
      <alignment horizontal="right" vertical="center"/>
    </xf>
    <xf numFmtId="166" fontId="7" fillId="5" borderId="0" xfId="0" applyNumberFormat="1" applyFont="1" applyFill="1" applyAlignment="1">
      <alignment horizontal="left" vertical="center"/>
    </xf>
    <xf numFmtId="169" fontId="7" fillId="5" borderId="0" xfId="0" applyNumberFormat="1" applyFont="1" applyFill="1" applyAlignment="1">
      <alignment horizontal="right" vertical="center"/>
    </xf>
    <xf numFmtId="166" fontId="7" fillId="0" borderId="0" xfId="0" applyNumberFormat="1" applyFont="1" applyAlignment="1">
      <alignment horizontal="left" vertical="center"/>
    </xf>
    <xf numFmtId="167" fontId="7" fillId="0" borderId="0" xfId="0" applyNumberFormat="1" applyFont="1" applyAlignment="1">
      <alignment horizontal="right" vertical="center"/>
    </xf>
    <xf numFmtId="169" fontId="7" fillId="0" borderId="0" xfId="0" applyNumberFormat="1" applyFont="1" applyAlignment="1">
      <alignment horizontal="right" vertical="center"/>
    </xf>
    <xf numFmtId="0" fontId="9" fillId="2" borderId="0" xfId="0" applyFont="1" applyFill="1"/>
    <xf numFmtId="166" fontId="6" fillId="0" borderId="0" xfId="0" applyNumberFormat="1" applyFont="1" applyAlignment="1">
      <alignment horizontal="left" vertical="center"/>
    </xf>
    <xf numFmtId="167" fontId="6" fillId="0" borderId="0" xfId="0" applyNumberFormat="1" applyFont="1" applyAlignment="1">
      <alignment horizontal="right" vertical="center"/>
    </xf>
    <xf numFmtId="14" fontId="3" fillId="4" borderId="2" xfId="0" applyNumberFormat="1" applyFont="1" applyFill="1" applyBorder="1" applyAlignment="1">
      <alignment horizontal="right" vertical="center"/>
    </xf>
    <xf numFmtId="0" fontId="6" fillId="0" borderId="0" xfId="0" applyFont="1" applyAlignment="1">
      <alignment vertical="center"/>
    </xf>
    <xf numFmtId="171" fontId="6" fillId="0" borderId="0" xfId="0" applyNumberFormat="1" applyFont="1" applyAlignment="1">
      <alignment horizontal="right" vertical="center"/>
    </xf>
    <xf numFmtId="0" fontId="6" fillId="5" borderId="4" xfId="0" applyFont="1" applyFill="1" applyBorder="1" applyAlignment="1">
      <alignment vertical="center"/>
    </xf>
    <xf numFmtId="171" fontId="6" fillId="5" borderId="0" xfId="0" applyNumberFormat="1" applyFont="1" applyFill="1" applyAlignment="1">
      <alignment horizontal="right" vertical="center"/>
    </xf>
    <xf numFmtId="0" fontId="7" fillId="0" borderId="0" xfId="0" applyFont="1"/>
    <xf numFmtId="166" fontId="7" fillId="0" borderId="0" xfId="0" applyNumberFormat="1" applyFont="1" applyAlignment="1">
      <alignment horizontal="right" vertical="center"/>
    </xf>
    <xf numFmtId="0" fontId="7" fillId="5" borderId="0" xfId="0" applyFont="1" applyFill="1" applyAlignment="1">
      <alignment vertical="center"/>
    </xf>
    <xf numFmtId="166" fontId="7" fillId="5" borderId="0" xfId="0" applyNumberFormat="1" applyFont="1" applyFill="1" applyAlignment="1">
      <alignment horizontal="right" vertical="center"/>
    </xf>
    <xf numFmtId="166" fontId="6" fillId="0" borderId="0" xfId="0" applyNumberFormat="1" applyFont="1" applyAlignment="1">
      <alignment horizontal="right" vertical="center"/>
    </xf>
    <xf numFmtId="0" fontId="6" fillId="5" borderId="0" xfId="0" applyFont="1" applyFill="1" applyAlignment="1">
      <alignment vertical="center"/>
    </xf>
    <xf numFmtId="166" fontId="6" fillId="5" borderId="0" xfId="0" applyNumberFormat="1" applyFont="1" applyFill="1" applyAlignment="1">
      <alignment horizontal="right" vertical="center"/>
    </xf>
    <xf numFmtId="168" fontId="8" fillId="0" borderId="0" xfId="2" applyNumberFormat="1" applyFont="1" applyFill="1" applyBorder="1" applyAlignment="1">
      <alignment horizontal="right" vertical="center"/>
    </xf>
    <xf numFmtId="3" fontId="2" fillId="0" borderId="0" xfId="0" applyNumberFormat="1" applyFont="1"/>
    <xf numFmtId="0" fontId="6" fillId="5" borderId="0" xfId="0" applyFont="1" applyFill="1" applyAlignment="1">
      <alignment vertical="center" wrapText="1"/>
    </xf>
    <xf numFmtId="164" fontId="7" fillId="5" borderId="0" xfId="1" applyFont="1" applyFill="1" applyBorder="1" applyAlignment="1">
      <alignment horizontal="right" vertical="center"/>
    </xf>
    <xf numFmtId="0" fontId="6" fillId="0" borderId="5" xfId="0" applyFont="1" applyBorder="1" applyAlignment="1">
      <alignment vertical="center"/>
    </xf>
    <xf numFmtId="164" fontId="7" fillId="0" borderId="5" xfId="1" applyFont="1" applyFill="1" applyBorder="1" applyAlignment="1">
      <alignment horizontal="right" vertical="center"/>
    </xf>
    <xf numFmtId="0" fontId="7" fillId="2" borderId="0" xfId="0" applyFont="1" applyFill="1" applyAlignment="1">
      <alignment horizontal="center"/>
    </xf>
    <xf numFmtId="173" fontId="2" fillId="0" borderId="0" xfId="0" applyNumberFormat="1" applyFont="1"/>
    <xf numFmtId="167" fontId="10" fillId="5" borderId="0" xfId="2" applyNumberFormat="1" applyFont="1" applyFill="1" applyBorder="1" applyAlignment="1">
      <alignment horizontal="right" vertical="center"/>
    </xf>
    <xf numFmtId="166" fontId="10" fillId="5" borderId="0" xfId="2" applyNumberFormat="1" applyFont="1" applyFill="1" applyBorder="1" applyAlignment="1">
      <alignment horizontal="right" vertical="center"/>
    </xf>
    <xf numFmtId="166" fontId="6" fillId="5" borderId="0" xfId="2" applyNumberFormat="1" applyFont="1" applyFill="1" applyBorder="1" applyAlignment="1">
      <alignment horizontal="right" vertical="center"/>
    </xf>
    <xf numFmtId="166" fontId="7" fillId="5" borderId="0" xfId="2" applyNumberFormat="1" applyFont="1" applyFill="1" applyBorder="1" applyAlignment="1">
      <alignment horizontal="right" vertical="center"/>
    </xf>
    <xf numFmtId="0" fontId="6" fillId="3" borderId="0" xfId="0" applyFont="1" applyFill="1" applyAlignment="1">
      <alignment vertical="center" wrapText="1"/>
    </xf>
    <xf numFmtId="166" fontId="6" fillId="3" borderId="0" xfId="2" applyNumberFormat="1" applyFont="1" applyFill="1" applyBorder="1" applyAlignment="1">
      <alignment horizontal="right" vertical="center"/>
    </xf>
    <xf numFmtId="0" fontId="6" fillId="0" borderId="0" xfId="0" applyFont="1" applyAlignment="1">
      <alignment vertical="center" wrapText="1"/>
    </xf>
    <xf numFmtId="166" fontId="6" fillId="0" borderId="0" xfId="2" applyNumberFormat="1" applyFont="1" applyFill="1" applyBorder="1" applyAlignment="1">
      <alignment horizontal="right" vertical="center"/>
    </xf>
    <xf numFmtId="166" fontId="7" fillId="0" borderId="0" xfId="2" applyNumberFormat="1" applyFont="1" applyFill="1" applyBorder="1" applyAlignment="1">
      <alignment horizontal="right" vertical="center"/>
    </xf>
    <xf numFmtId="0" fontId="7" fillId="5" borderId="0" xfId="0" applyFont="1" applyFill="1" applyAlignment="1">
      <alignment vertical="center" wrapText="1"/>
    </xf>
    <xf numFmtId="167" fontId="6" fillId="5" borderId="0" xfId="2" applyNumberFormat="1" applyFont="1" applyFill="1" applyBorder="1" applyAlignment="1">
      <alignment horizontal="right" vertical="center"/>
    </xf>
    <xf numFmtId="0" fontId="6" fillId="3" borderId="0" xfId="0" applyFont="1" applyFill="1" applyAlignment="1">
      <alignment vertical="center"/>
    </xf>
    <xf numFmtId="166" fontId="6" fillId="3" borderId="0" xfId="0" applyNumberFormat="1" applyFont="1" applyFill="1" applyAlignment="1">
      <alignment horizontal="right" vertical="center"/>
    </xf>
    <xf numFmtId="166" fontId="7" fillId="3" borderId="0" xfId="2" applyNumberFormat="1" applyFont="1" applyFill="1" applyBorder="1" applyAlignment="1">
      <alignment horizontal="right" vertical="center"/>
    </xf>
    <xf numFmtId="166" fontId="10" fillId="3" borderId="0" xfId="2" applyNumberFormat="1" applyFont="1" applyFill="1" applyBorder="1" applyAlignment="1">
      <alignment horizontal="right" vertical="center"/>
    </xf>
    <xf numFmtId="0" fontId="7" fillId="0" borderId="0" xfId="0" applyFont="1" applyAlignment="1">
      <alignment vertical="center" wrapText="1"/>
    </xf>
    <xf numFmtId="4" fontId="6" fillId="3" borderId="0" xfId="0" applyNumberFormat="1" applyFont="1" applyFill="1" applyAlignment="1">
      <alignment horizontal="right" vertical="center"/>
    </xf>
    <xf numFmtId="4" fontId="7" fillId="3" borderId="0" xfId="2" applyNumberFormat="1" applyFont="1" applyFill="1" applyBorder="1" applyAlignment="1">
      <alignment horizontal="right" vertical="center"/>
    </xf>
    <xf numFmtId="166" fontId="6" fillId="5" borderId="5" xfId="2" applyNumberFormat="1" applyFont="1" applyFill="1" applyBorder="1" applyAlignment="1">
      <alignment horizontal="right" vertical="center"/>
    </xf>
    <xf numFmtId="166" fontId="6" fillId="5" borderId="5" xfId="2" applyNumberFormat="1" applyFont="1" applyFill="1" applyBorder="1" applyAlignment="1">
      <alignment horizontal="left" vertical="center"/>
    </xf>
    <xf numFmtId="0" fontId="8" fillId="3" borderId="0" xfId="0" applyFont="1" applyFill="1" applyAlignment="1">
      <alignment vertical="center" wrapText="1"/>
    </xf>
    <xf numFmtId="3" fontId="9" fillId="0" borderId="0" xfId="0" applyNumberFormat="1" applyFont="1"/>
    <xf numFmtId="166" fontId="8" fillId="3" borderId="0" xfId="2" applyNumberFormat="1" applyFont="1" applyFill="1" applyBorder="1" applyAlignment="1">
      <alignment horizontal="right" vertical="center"/>
    </xf>
    <xf numFmtId="0" fontId="7" fillId="0" borderId="0" xfId="0" applyFont="1" applyAlignment="1">
      <alignment horizontal="center"/>
    </xf>
    <xf numFmtId="0" fontId="7" fillId="2" borderId="0" xfId="0" applyFont="1" applyFill="1"/>
    <xf numFmtId="166" fontId="10" fillId="0" borderId="0" xfId="2" applyNumberFormat="1" applyFont="1" applyFill="1" applyBorder="1" applyAlignment="1">
      <alignment horizontal="right" vertical="center"/>
    </xf>
    <xf numFmtId="0" fontId="2" fillId="0" borderId="0" xfId="0" applyFont="1" applyAlignment="1">
      <alignment vertical="top"/>
    </xf>
    <xf numFmtId="0" fontId="2" fillId="2" borderId="0" xfId="0" applyFont="1" applyFill="1" applyAlignment="1">
      <alignment vertical="top"/>
    </xf>
    <xf numFmtId="0" fontId="13" fillId="2" borderId="0" xfId="0" applyFont="1" applyFill="1" applyAlignment="1">
      <alignment vertical="center"/>
    </xf>
    <xf numFmtId="0" fontId="13" fillId="0" borderId="0" xfId="0" applyFont="1" applyAlignment="1">
      <alignment vertical="center"/>
    </xf>
    <xf numFmtId="166" fontId="13" fillId="0" borderId="0" xfId="0" applyNumberFormat="1" applyFont="1" applyAlignment="1">
      <alignment vertical="center"/>
    </xf>
    <xf numFmtId="166" fontId="13" fillId="2" borderId="0" xfId="0" applyNumberFormat="1" applyFont="1" applyFill="1" applyAlignment="1">
      <alignment vertical="center"/>
    </xf>
    <xf numFmtId="0" fontId="14" fillId="0" borderId="0" xfId="0" applyFont="1" applyAlignment="1">
      <alignment vertical="center"/>
    </xf>
    <xf numFmtId="0" fontId="14" fillId="2" borderId="0" xfId="0" applyFont="1" applyFill="1" applyAlignment="1">
      <alignment vertical="center"/>
    </xf>
    <xf numFmtId="0" fontId="3" fillId="7" borderId="7" xfId="0" applyFont="1" applyFill="1" applyBorder="1" applyAlignment="1">
      <alignment vertical="center"/>
    </xf>
    <xf numFmtId="0" fontId="4" fillId="7" borderId="7" xfId="0" applyFont="1" applyFill="1" applyBorder="1" applyAlignment="1">
      <alignment vertical="center"/>
    </xf>
    <xf numFmtId="0" fontId="4" fillId="6" borderId="1" xfId="0" applyFont="1" applyFill="1" applyBorder="1" applyAlignment="1">
      <alignment vertical="center"/>
    </xf>
    <xf numFmtId="0" fontId="4" fillId="7" borderId="1" xfId="0" applyFont="1" applyFill="1" applyBorder="1" applyAlignment="1">
      <alignment vertical="center"/>
    </xf>
    <xf numFmtId="0" fontId="3" fillId="7" borderId="8" xfId="0" applyFont="1" applyFill="1" applyBorder="1" applyAlignment="1">
      <alignment horizontal="center" vertical="center"/>
    </xf>
    <xf numFmtId="0" fontId="7" fillId="5" borderId="7" xfId="0" applyFont="1" applyFill="1" applyBorder="1" applyAlignment="1">
      <alignment vertical="center" wrapText="1"/>
    </xf>
    <xf numFmtId="169" fontId="7" fillId="5" borderId="7" xfId="1" applyNumberFormat="1" applyFont="1" applyFill="1" applyBorder="1" applyAlignment="1">
      <alignment horizontal="center" vertical="center"/>
    </xf>
    <xf numFmtId="169" fontId="7" fillId="5" borderId="7" xfId="0" applyNumberFormat="1" applyFont="1" applyFill="1" applyBorder="1" applyAlignment="1">
      <alignment horizontal="center" vertical="center"/>
    </xf>
    <xf numFmtId="168" fontId="7" fillId="5" borderId="7" xfId="0" applyNumberFormat="1" applyFont="1" applyFill="1" applyBorder="1" applyAlignment="1">
      <alignment horizontal="right" vertical="center"/>
    </xf>
    <xf numFmtId="0" fontId="7" fillId="0" borderId="9" xfId="0" applyFont="1" applyBorder="1" applyAlignment="1">
      <alignment vertical="center"/>
    </xf>
    <xf numFmtId="169" fontId="7" fillId="0" borderId="9" xfId="1" applyNumberFormat="1" applyFont="1" applyFill="1" applyBorder="1" applyAlignment="1">
      <alignment horizontal="center" vertical="center"/>
    </xf>
    <xf numFmtId="169" fontId="7" fillId="0" borderId="9" xfId="0" applyNumberFormat="1" applyFont="1" applyBorder="1" applyAlignment="1">
      <alignment horizontal="center" vertical="center"/>
    </xf>
    <xf numFmtId="168" fontId="6" fillId="0" borderId="9" xfId="0" applyNumberFormat="1" applyFont="1" applyBorder="1" applyAlignment="1">
      <alignment horizontal="right" vertical="center"/>
    </xf>
    <xf numFmtId="0" fontId="16" fillId="5" borderId="3" xfId="0" applyFont="1" applyFill="1" applyBorder="1" applyAlignment="1">
      <alignment vertical="center" wrapText="1"/>
    </xf>
    <xf numFmtId="169" fontId="16" fillId="5" borderId="3" xfId="1" applyNumberFormat="1" applyFont="1" applyFill="1" applyBorder="1" applyAlignment="1">
      <alignment horizontal="center" vertical="center"/>
    </xf>
    <xf numFmtId="169" fontId="16" fillId="5" borderId="3" xfId="0" applyNumberFormat="1" applyFont="1" applyFill="1" applyBorder="1" applyAlignment="1">
      <alignment horizontal="center" vertical="center"/>
    </xf>
    <xf numFmtId="168" fontId="17" fillId="5" borderId="3" xfId="0" applyNumberFormat="1" applyFont="1" applyFill="1" applyBorder="1" applyAlignment="1">
      <alignment horizontal="right" vertical="center"/>
    </xf>
    <xf numFmtId="0" fontId="7" fillId="0" borderId="10" xfId="4" applyFont="1" applyBorder="1" applyAlignment="1">
      <alignment vertical="center" wrapText="1"/>
    </xf>
    <xf numFmtId="169" fontId="7" fillId="0" borderId="10" xfId="1" applyNumberFormat="1" applyFont="1" applyFill="1" applyBorder="1" applyAlignment="1">
      <alignment horizontal="center" vertical="center"/>
    </xf>
    <xf numFmtId="169" fontId="7" fillId="0" borderId="10" xfId="0" applyNumberFormat="1" applyFont="1" applyBorder="1" applyAlignment="1">
      <alignment horizontal="center" vertical="center"/>
    </xf>
    <xf numFmtId="168" fontId="6" fillId="0" borderId="10" xfId="0" applyNumberFormat="1" applyFont="1" applyBorder="1" applyAlignment="1">
      <alignment horizontal="right" vertical="center"/>
    </xf>
    <xf numFmtId="169" fontId="7" fillId="5" borderId="0" xfId="1" applyNumberFormat="1" applyFont="1" applyFill="1" applyBorder="1" applyAlignment="1">
      <alignment horizontal="center" vertical="center"/>
    </xf>
    <xf numFmtId="169" fontId="7" fillId="5" borderId="0" xfId="0" applyNumberFormat="1" applyFont="1" applyFill="1" applyAlignment="1">
      <alignment horizontal="center" vertical="center"/>
    </xf>
    <xf numFmtId="168" fontId="6" fillId="5" borderId="0" xfId="0" applyNumberFormat="1" applyFont="1" applyFill="1" applyAlignment="1">
      <alignment horizontal="right" vertical="center"/>
    </xf>
    <xf numFmtId="0" fontId="7" fillId="0" borderId="0" xfId="0" applyFont="1" applyAlignment="1">
      <alignment vertical="center"/>
    </xf>
    <xf numFmtId="169" fontId="7" fillId="0" borderId="0" xfId="1" applyNumberFormat="1" applyFont="1" applyFill="1" applyBorder="1" applyAlignment="1">
      <alignment horizontal="center" vertical="center"/>
    </xf>
    <xf numFmtId="169" fontId="7" fillId="0" borderId="0" xfId="0" applyNumberFormat="1" applyFont="1" applyAlignment="1">
      <alignment horizontal="center" vertical="center"/>
    </xf>
    <xf numFmtId="168" fontId="6" fillId="0" borderId="0" xfId="0" applyNumberFormat="1" applyFont="1" applyAlignment="1">
      <alignment horizontal="right" vertical="center"/>
    </xf>
    <xf numFmtId="0" fontId="7" fillId="5" borderId="9" xfId="0" applyFont="1" applyFill="1" applyBorder="1" applyAlignment="1">
      <alignment vertical="center"/>
    </xf>
    <xf numFmtId="0" fontId="16" fillId="0" borderId="3" xfId="0" applyFont="1" applyBorder="1" applyAlignment="1">
      <alignment vertical="center" wrapText="1"/>
    </xf>
    <xf numFmtId="169" fontId="16" fillId="0" borderId="3" xfId="1" applyNumberFormat="1" applyFont="1" applyFill="1" applyBorder="1" applyAlignment="1">
      <alignment horizontal="center" vertical="center"/>
    </xf>
    <xf numFmtId="169" fontId="16" fillId="0" borderId="3" xfId="0" applyNumberFormat="1" applyFont="1" applyBorder="1" applyAlignment="1">
      <alignment horizontal="center" vertical="center"/>
    </xf>
    <xf numFmtId="168" fontId="17" fillId="0" borderId="3" xfId="0" applyNumberFormat="1" applyFont="1" applyBorder="1" applyAlignment="1">
      <alignment horizontal="right" vertical="center"/>
    </xf>
    <xf numFmtId="0" fontId="7" fillId="5" borderId="10" xfId="0" applyFont="1" applyFill="1" applyBorder="1" applyAlignment="1">
      <alignment vertical="center"/>
    </xf>
    <xf numFmtId="169" fontId="7" fillId="5" borderId="10" xfId="1" applyNumberFormat="1" applyFont="1" applyFill="1" applyBorder="1" applyAlignment="1">
      <alignment horizontal="center" vertical="center"/>
    </xf>
    <xf numFmtId="169" fontId="7" fillId="5" borderId="10" xfId="0" applyNumberFormat="1" applyFont="1" applyFill="1" applyBorder="1" applyAlignment="1">
      <alignment horizontal="center" vertical="center"/>
    </xf>
    <xf numFmtId="168" fontId="6" fillId="5" borderId="10" xfId="0" applyNumberFormat="1" applyFont="1" applyFill="1" applyBorder="1" applyAlignment="1">
      <alignment horizontal="right" vertical="center"/>
    </xf>
    <xf numFmtId="168" fontId="16" fillId="5" borderId="3" xfId="0" applyNumberFormat="1" applyFont="1" applyFill="1" applyBorder="1" applyAlignment="1">
      <alignment horizontal="right" vertical="center"/>
    </xf>
    <xf numFmtId="0" fontId="11" fillId="0" borderId="0" xfId="0" applyFont="1" applyAlignment="1">
      <alignment vertical="center"/>
    </xf>
    <xf numFmtId="168" fontId="7" fillId="0" borderId="0" xfId="0" applyNumberFormat="1" applyFont="1" applyAlignment="1">
      <alignment horizontal="right" vertical="center"/>
    </xf>
    <xf numFmtId="0" fontId="13" fillId="3" borderId="0" xfId="0" applyFont="1" applyFill="1" applyAlignment="1">
      <alignment vertical="center"/>
    </xf>
    <xf numFmtId="0" fontId="14" fillId="3" borderId="0" xfId="0" applyFont="1" applyFill="1" applyAlignment="1">
      <alignment vertical="center"/>
    </xf>
    <xf numFmtId="0" fontId="16" fillId="3" borderId="3" xfId="0" applyFont="1" applyFill="1" applyBorder="1" applyAlignment="1">
      <alignment vertical="center" wrapText="1"/>
    </xf>
    <xf numFmtId="169" fontId="16" fillId="3" borderId="3" xfId="1" applyNumberFormat="1" applyFont="1" applyFill="1" applyBorder="1" applyAlignment="1">
      <alignment horizontal="center" vertical="center"/>
    </xf>
    <xf numFmtId="169" fontId="16" fillId="3" borderId="3" xfId="0" applyNumberFormat="1" applyFont="1" applyFill="1" applyBorder="1" applyAlignment="1">
      <alignment horizontal="center" vertical="center"/>
    </xf>
    <xf numFmtId="168" fontId="16" fillId="3" borderId="3" xfId="0" applyNumberFormat="1" applyFont="1" applyFill="1" applyBorder="1" applyAlignment="1">
      <alignment horizontal="right" vertical="center"/>
    </xf>
    <xf numFmtId="168" fontId="16" fillId="0" borderId="3" xfId="0" applyNumberFormat="1" applyFont="1" applyBorder="1" applyAlignment="1">
      <alignment horizontal="right" vertical="center"/>
    </xf>
    <xf numFmtId="0" fontId="7" fillId="0" borderId="10" xfId="0" applyFont="1" applyBorder="1" applyAlignment="1">
      <alignment vertical="center" wrapText="1"/>
    </xf>
    <xf numFmtId="168" fontId="7" fillId="5" borderId="0" xfId="0" applyNumberFormat="1" applyFont="1" applyFill="1" applyAlignment="1">
      <alignment horizontal="right" vertical="center"/>
    </xf>
    <xf numFmtId="0" fontId="7" fillId="3" borderId="0" xfId="0" applyFont="1" applyFill="1" applyAlignment="1">
      <alignment vertical="center" wrapText="1"/>
    </xf>
    <xf numFmtId="169" fontId="7" fillId="3" borderId="0" xfId="1" applyNumberFormat="1" applyFont="1" applyFill="1" applyBorder="1" applyAlignment="1">
      <alignment horizontal="center" vertical="center"/>
    </xf>
    <xf numFmtId="169" fontId="7" fillId="3" borderId="0" xfId="0" applyNumberFormat="1" applyFont="1" applyFill="1" applyAlignment="1">
      <alignment horizontal="center" vertical="center"/>
    </xf>
    <xf numFmtId="168" fontId="6" fillId="3" borderId="0" xfId="0" applyNumberFormat="1" applyFont="1" applyFill="1" applyAlignment="1">
      <alignment horizontal="right" vertical="center"/>
    </xf>
    <xf numFmtId="0" fontId="7" fillId="0" borderId="9" xfId="0" applyFont="1" applyBorder="1" applyAlignment="1">
      <alignment vertical="center" wrapText="1"/>
    </xf>
    <xf numFmtId="168" fontId="7" fillId="0" borderId="0" xfId="5" applyNumberFormat="1" applyFont="1" applyFill="1" applyBorder="1" applyAlignment="1">
      <alignment horizontal="right" vertical="center"/>
    </xf>
    <xf numFmtId="0" fontId="7" fillId="0" borderId="3" xfId="0" applyFont="1" applyBorder="1" applyAlignment="1">
      <alignment vertical="center" wrapText="1"/>
    </xf>
    <xf numFmtId="169" fontId="7" fillId="0" borderId="3" xfId="1" applyNumberFormat="1" applyFont="1" applyFill="1" applyBorder="1" applyAlignment="1">
      <alignment horizontal="center" vertical="center"/>
    </xf>
    <xf numFmtId="169" fontId="7" fillId="0" borderId="3" xfId="0" applyNumberFormat="1" applyFont="1" applyBorder="1" applyAlignment="1">
      <alignment horizontal="center" vertical="center"/>
    </xf>
    <xf numFmtId="168" fontId="6" fillId="0" borderId="3" xfId="0" applyNumberFormat="1" applyFont="1" applyBorder="1" applyAlignment="1">
      <alignment horizontal="right" vertical="center"/>
    </xf>
    <xf numFmtId="0" fontId="7" fillId="5" borderId="3" xfId="0" applyFont="1" applyFill="1" applyBorder="1" applyAlignment="1">
      <alignment vertical="center" wrapText="1"/>
    </xf>
    <xf numFmtId="169" fontId="7" fillId="5" borderId="3" xfId="1" applyNumberFormat="1" applyFont="1" applyFill="1" applyBorder="1" applyAlignment="1">
      <alignment horizontal="center" vertical="center" wrapText="1"/>
    </xf>
    <xf numFmtId="169" fontId="7" fillId="5" borderId="3" xfId="0" applyNumberFormat="1" applyFont="1" applyFill="1" applyBorder="1" applyAlignment="1">
      <alignment horizontal="center" vertical="center" wrapText="1"/>
    </xf>
    <xf numFmtId="168" fontId="6" fillId="5" borderId="3" xfId="2" applyNumberFormat="1" applyFont="1" applyFill="1" applyBorder="1" applyAlignment="1">
      <alignment horizontal="right" vertical="center" wrapText="1"/>
    </xf>
    <xf numFmtId="0" fontId="7" fillId="5" borderId="10" xfId="0" applyFont="1" applyFill="1" applyBorder="1" applyAlignment="1">
      <alignment vertical="center" wrapText="1"/>
    </xf>
    <xf numFmtId="169" fontId="7" fillId="5" borderId="10" xfId="1" applyNumberFormat="1" applyFont="1" applyFill="1" applyBorder="1" applyAlignment="1">
      <alignment horizontal="center" vertical="center" wrapText="1"/>
    </xf>
    <xf numFmtId="169" fontId="7" fillId="5" borderId="10" xfId="0" applyNumberFormat="1" applyFont="1" applyFill="1" applyBorder="1" applyAlignment="1">
      <alignment horizontal="center" vertical="center" wrapText="1"/>
    </xf>
    <xf numFmtId="0" fontId="15" fillId="3" borderId="0" xfId="0" applyFont="1" applyFill="1" applyAlignment="1">
      <alignment vertical="center"/>
    </xf>
    <xf numFmtId="0" fontId="13" fillId="3" borderId="0" xfId="0" applyFont="1" applyFill="1" applyAlignment="1">
      <alignment vertical="center" wrapText="1"/>
    </xf>
    <xf numFmtId="0" fontId="16" fillId="0" borderId="11" xfId="0" applyFont="1" applyBorder="1" applyAlignment="1">
      <alignment vertical="center" wrapText="1"/>
    </xf>
    <xf numFmtId="169" fontId="16" fillId="0" borderId="11" xfId="1" applyNumberFormat="1" applyFont="1" applyFill="1" applyBorder="1" applyAlignment="1">
      <alignment horizontal="center" vertical="center"/>
    </xf>
    <xf numFmtId="169" fontId="16" fillId="0" borderId="11" xfId="0" applyNumberFormat="1" applyFont="1" applyBorder="1" applyAlignment="1">
      <alignment horizontal="center" vertical="center"/>
    </xf>
    <xf numFmtId="168" fontId="17" fillId="0" borderId="11" xfId="0" applyNumberFormat="1" applyFont="1" applyBorder="1" applyAlignment="1">
      <alignment horizontal="right" vertical="center"/>
    </xf>
    <xf numFmtId="166" fontId="14" fillId="0" borderId="0" xfId="0" applyNumberFormat="1" applyFont="1" applyAlignment="1">
      <alignment vertical="center"/>
    </xf>
    <xf numFmtId="168" fontId="14" fillId="0" borderId="0" xfId="2" applyNumberFormat="1" applyFont="1" applyFill="1" applyAlignment="1">
      <alignment vertical="center"/>
    </xf>
    <xf numFmtId="0" fontId="3" fillId="6" borderId="1" xfId="0" applyFont="1" applyFill="1" applyBorder="1" applyAlignment="1">
      <alignment vertical="center"/>
    </xf>
    <xf numFmtId="14" fontId="3" fillId="6" borderId="0" xfId="0" applyNumberFormat="1" applyFont="1" applyFill="1" applyAlignment="1">
      <alignment horizontal="center" vertical="center" wrapText="1"/>
    </xf>
    <xf numFmtId="14" fontId="3" fillId="6" borderId="13" xfId="0" applyNumberFormat="1" applyFont="1" applyFill="1" applyBorder="1" applyAlignment="1">
      <alignment horizontal="center" vertical="center" wrapText="1"/>
    </xf>
    <xf numFmtId="14" fontId="3" fillId="6" borderId="0" xfId="0" applyNumberFormat="1" applyFont="1" applyFill="1" applyAlignment="1">
      <alignment horizontal="center" vertical="center"/>
    </xf>
    <xf numFmtId="0" fontId="7" fillId="0" borderId="2" xfId="0" applyFont="1" applyBorder="1" applyAlignment="1">
      <alignment vertical="center" wrapText="1"/>
    </xf>
    <xf numFmtId="169" fontId="7" fillId="0" borderId="2" xfId="1" applyNumberFormat="1" applyFont="1" applyFill="1" applyBorder="1" applyAlignment="1">
      <alignment horizontal="center" vertical="center"/>
    </xf>
    <xf numFmtId="169" fontId="7" fillId="0" borderId="14" xfId="1" applyNumberFormat="1" applyFont="1" applyFill="1" applyBorder="1" applyAlignment="1">
      <alignment horizontal="center" vertical="center"/>
    </xf>
    <xf numFmtId="176" fontId="7" fillId="3" borderId="0" xfId="1" applyNumberFormat="1" applyFont="1" applyFill="1" applyBorder="1" applyAlignment="1">
      <alignment horizontal="center" vertical="center"/>
    </xf>
    <xf numFmtId="0" fontId="7" fillId="5" borderId="2" xfId="0" applyFont="1" applyFill="1" applyBorder="1" applyAlignment="1">
      <alignment vertical="center"/>
    </xf>
    <xf numFmtId="169" fontId="7" fillId="5" borderId="2" xfId="1" applyNumberFormat="1" applyFont="1" applyFill="1" applyBorder="1" applyAlignment="1">
      <alignment horizontal="center" vertical="center"/>
    </xf>
    <xf numFmtId="169" fontId="7" fillId="5" borderId="14" xfId="1" applyNumberFormat="1" applyFont="1" applyFill="1" applyBorder="1" applyAlignment="1">
      <alignment horizontal="center" vertical="center"/>
    </xf>
    <xf numFmtId="0" fontId="16" fillId="0" borderId="2" xfId="0" applyFont="1" applyBorder="1" applyAlignment="1">
      <alignment vertical="center" wrapText="1"/>
    </xf>
    <xf numFmtId="169" fontId="16" fillId="0" borderId="2" xfId="1" applyNumberFormat="1" applyFont="1" applyFill="1" applyBorder="1" applyAlignment="1">
      <alignment horizontal="center" vertical="center"/>
    </xf>
    <xf numFmtId="169" fontId="16" fillId="0" borderId="14" xfId="1" applyNumberFormat="1" applyFont="1" applyFill="1" applyBorder="1" applyAlignment="1">
      <alignment horizontal="center" vertical="center"/>
    </xf>
    <xf numFmtId="169" fontId="7" fillId="5" borderId="13" xfId="1" applyNumberFormat="1" applyFont="1" applyFill="1" applyBorder="1" applyAlignment="1">
      <alignment horizontal="center" vertical="center"/>
    </xf>
    <xf numFmtId="169" fontId="7" fillId="0" borderId="13" xfId="1" applyNumberFormat="1" applyFont="1" applyFill="1" applyBorder="1" applyAlignment="1">
      <alignment horizontal="center" vertical="center"/>
    </xf>
    <xf numFmtId="0" fontId="7" fillId="0" borderId="4" xfId="0" applyFont="1" applyBorder="1" applyAlignment="1">
      <alignment vertical="center"/>
    </xf>
    <xf numFmtId="169" fontId="7" fillId="0" borderId="4" xfId="1" applyNumberFormat="1" applyFont="1" applyFill="1" applyBorder="1" applyAlignment="1">
      <alignment horizontal="center" vertical="center"/>
    </xf>
    <xf numFmtId="169" fontId="7" fillId="0" borderId="15" xfId="1" applyNumberFormat="1" applyFont="1" applyFill="1" applyBorder="1" applyAlignment="1">
      <alignment horizontal="center" vertical="center"/>
    </xf>
    <xf numFmtId="0" fontId="16" fillId="5" borderId="2" xfId="0" applyFont="1" applyFill="1" applyBorder="1" applyAlignment="1">
      <alignment vertical="center" wrapText="1"/>
    </xf>
    <xf numFmtId="169" fontId="16" fillId="5" borderId="2" xfId="1" applyNumberFormat="1" applyFont="1" applyFill="1" applyBorder="1" applyAlignment="1">
      <alignment horizontal="center" vertical="center"/>
    </xf>
    <xf numFmtId="169" fontId="16" fillId="5" borderId="14" xfId="1" applyNumberFormat="1" applyFont="1" applyFill="1" applyBorder="1" applyAlignment="1">
      <alignment horizontal="center" vertical="center"/>
    </xf>
    <xf numFmtId="169" fontId="16" fillId="3" borderId="14" xfId="1" applyNumberFormat="1" applyFont="1" applyFill="1" applyBorder="1" applyAlignment="1">
      <alignment horizontal="center" vertical="center"/>
    </xf>
    <xf numFmtId="169" fontId="16" fillId="3" borderId="2" xfId="1" applyNumberFormat="1" applyFont="1" applyFill="1" applyBorder="1" applyAlignment="1">
      <alignment horizontal="center" vertical="center"/>
    </xf>
    <xf numFmtId="176" fontId="7" fillId="0" borderId="0" xfId="1" applyNumberFormat="1" applyFont="1" applyFill="1" applyBorder="1" applyAlignment="1">
      <alignment horizontal="center" vertical="center"/>
    </xf>
    <xf numFmtId="169" fontId="7" fillId="3" borderId="13" xfId="1" applyNumberFormat="1" applyFont="1" applyFill="1" applyBorder="1" applyAlignment="1">
      <alignment horizontal="center" vertical="center"/>
    </xf>
    <xf numFmtId="169" fontId="7" fillId="5" borderId="16" xfId="1" applyNumberFormat="1" applyFont="1" applyFill="1" applyBorder="1" applyAlignment="1">
      <alignment horizontal="center" vertical="center"/>
    </xf>
    <xf numFmtId="0" fontId="16" fillId="3" borderId="2" xfId="0" applyFont="1" applyFill="1" applyBorder="1" applyAlignment="1">
      <alignment vertical="center" wrapText="1"/>
    </xf>
    <xf numFmtId="169" fontId="16" fillId="3" borderId="17" xfId="1" applyNumberFormat="1" applyFont="1" applyFill="1" applyBorder="1" applyAlignment="1">
      <alignment horizontal="center" vertical="center"/>
    </xf>
    <xf numFmtId="0" fontId="7" fillId="5" borderId="2" xfId="0" applyFont="1" applyFill="1" applyBorder="1" applyAlignment="1">
      <alignment vertical="center" wrapText="1"/>
    </xf>
    <xf numFmtId="169" fontId="7" fillId="5" borderId="17" xfId="1" applyNumberFormat="1" applyFont="1" applyFill="1" applyBorder="1" applyAlignment="1">
      <alignment horizontal="center" vertical="center"/>
    </xf>
    <xf numFmtId="169" fontId="16" fillId="5" borderId="17" xfId="1" applyNumberFormat="1" applyFont="1" applyFill="1" applyBorder="1" applyAlignment="1">
      <alignment horizontal="center" vertical="center"/>
    </xf>
    <xf numFmtId="0" fontId="7" fillId="3" borderId="3" xfId="0" applyFont="1" applyFill="1" applyBorder="1" applyAlignment="1">
      <alignment vertical="center" wrapText="1"/>
    </xf>
    <xf numFmtId="169" fontId="7" fillId="3" borderId="2" xfId="1" applyNumberFormat="1" applyFont="1" applyFill="1" applyBorder="1" applyAlignment="1">
      <alignment horizontal="center" vertical="center"/>
    </xf>
    <xf numFmtId="169" fontId="7" fillId="3" borderId="17" xfId="1" applyNumberFormat="1" applyFont="1" applyFill="1" applyBorder="1" applyAlignment="1">
      <alignment horizontal="center" vertical="center"/>
    </xf>
    <xf numFmtId="169" fontId="16" fillId="5" borderId="18" xfId="1" applyNumberFormat="1" applyFont="1" applyFill="1" applyBorder="1" applyAlignment="1">
      <alignment horizontal="center" vertical="center"/>
    </xf>
    <xf numFmtId="0" fontId="7" fillId="3" borderId="2" xfId="0" applyFont="1" applyFill="1" applyBorder="1" applyAlignment="1">
      <alignment vertical="center" wrapText="1"/>
    </xf>
    <xf numFmtId="0" fontId="16" fillId="5" borderId="19" xfId="0" applyFont="1" applyFill="1" applyBorder="1" applyAlignment="1">
      <alignment vertical="center" wrapText="1"/>
    </xf>
    <xf numFmtId="169" fontId="16" fillId="5" borderId="11" xfId="1" applyNumberFormat="1" applyFont="1" applyFill="1" applyBorder="1" applyAlignment="1">
      <alignment horizontal="center" vertical="center"/>
    </xf>
    <xf numFmtId="169" fontId="16" fillId="5" borderId="20" xfId="1" applyNumberFormat="1" applyFont="1" applyFill="1" applyBorder="1" applyAlignment="1">
      <alignment horizontal="center" vertical="center"/>
    </xf>
    <xf numFmtId="0" fontId="7" fillId="0" borderId="0" xfId="0" applyFont="1" applyAlignment="1">
      <alignment horizontal="center" vertical="center"/>
    </xf>
    <xf numFmtId="0" fontId="3" fillId="4" borderId="8" xfId="0" applyFont="1" applyFill="1" applyBorder="1" applyAlignment="1">
      <alignment vertical="center"/>
    </xf>
    <xf numFmtId="3" fontId="3" fillId="4" borderId="8" xfId="0" applyNumberFormat="1" applyFont="1" applyFill="1" applyBorder="1" applyAlignment="1">
      <alignment horizontal="center" vertical="center"/>
    </xf>
    <xf numFmtId="0" fontId="7" fillId="3" borderId="0" xfId="0" applyFont="1" applyFill="1" applyAlignment="1">
      <alignment vertical="center"/>
    </xf>
    <xf numFmtId="174" fontId="7" fillId="3" borderId="0" xfId="0" applyNumberFormat="1" applyFont="1" applyFill="1" applyAlignment="1">
      <alignment vertical="center"/>
    </xf>
    <xf numFmtId="169" fontId="7" fillId="5" borderId="0" xfId="0" applyNumberFormat="1" applyFont="1" applyFill="1" applyAlignment="1">
      <alignment horizontal="right" vertical="center" wrapText="1"/>
    </xf>
    <xf numFmtId="169" fontId="7" fillId="5" borderId="13" xfId="0" applyNumberFormat="1" applyFont="1" applyFill="1" applyBorder="1" applyAlignment="1">
      <alignment horizontal="right" vertical="center"/>
    </xf>
    <xf numFmtId="169" fontId="7" fillId="0" borderId="13" xfId="0" applyNumberFormat="1" applyFont="1" applyBorder="1" applyAlignment="1">
      <alignment horizontal="right" vertical="center"/>
    </xf>
    <xf numFmtId="169" fontId="7" fillId="0" borderId="13" xfId="0" applyNumberFormat="1" applyFont="1" applyBorder="1" applyAlignment="1">
      <alignment horizontal="right" vertical="center" wrapText="1"/>
    </xf>
    <xf numFmtId="169" fontId="19" fillId="5" borderId="0" xfId="0" applyNumberFormat="1" applyFont="1" applyFill="1" applyAlignment="1">
      <alignment horizontal="right" vertical="center"/>
    </xf>
    <xf numFmtId="169" fontId="19" fillId="0" borderId="0" xfId="0" applyNumberFormat="1" applyFont="1" applyAlignment="1">
      <alignment horizontal="right" vertical="center"/>
    </xf>
    <xf numFmtId="169" fontId="11" fillId="0" borderId="0" xfId="0" applyNumberFormat="1" applyFont="1" applyAlignment="1">
      <alignment horizontal="right" vertical="center"/>
    </xf>
    <xf numFmtId="169" fontId="11" fillId="0" borderId="13" xfId="0" applyNumberFormat="1" applyFont="1" applyBorder="1" applyAlignment="1">
      <alignment horizontal="right" vertical="center"/>
    </xf>
    <xf numFmtId="169" fontId="16" fillId="5" borderId="0" xfId="0" applyNumberFormat="1" applyFont="1" applyFill="1" applyAlignment="1">
      <alignment horizontal="left" vertical="center"/>
    </xf>
    <xf numFmtId="169" fontId="16" fillId="5" borderId="0" xfId="0" applyNumberFormat="1" applyFont="1" applyFill="1" applyAlignment="1">
      <alignment horizontal="right" vertical="center"/>
    </xf>
    <xf numFmtId="169" fontId="16" fillId="5" borderId="23" xfId="0" applyNumberFormat="1" applyFont="1" applyFill="1" applyBorder="1" applyAlignment="1">
      <alignment horizontal="right" vertical="center"/>
    </xf>
    <xf numFmtId="169" fontId="7" fillId="5" borderId="23" xfId="0" applyNumberFormat="1" applyFont="1" applyFill="1" applyBorder="1" applyAlignment="1">
      <alignment horizontal="right" vertical="center"/>
    </xf>
    <xf numFmtId="169" fontId="7" fillId="0" borderId="23" xfId="0" applyNumberFormat="1" applyFont="1" applyBorder="1" applyAlignment="1">
      <alignment horizontal="right" vertical="center"/>
    </xf>
    <xf numFmtId="0" fontId="7" fillId="5" borderId="0" xfId="0" applyFont="1" applyFill="1" applyAlignment="1">
      <alignment horizontal="left" vertical="center" indent="1"/>
    </xf>
    <xf numFmtId="0" fontId="7" fillId="0" borderId="0" xfId="0" applyFont="1" applyAlignment="1">
      <alignment horizontal="left" vertical="center" indent="1"/>
    </xf>
    <xf numFmtId="169" fontId="7" fillId="0" borderId="21" xfId="0" applyNumberFormat="1" applyFont="1" applyBorder="1" applyAlignment="1">
      <alignment horizontal="right" vertical="center"/>
    </xf>
    <xf numFmtId="0" fontId="7" fillId="0" borderId="0" xfId="4" applyFont="1" applyAlignment="1">
      <alignment horizontal="left" vertical="center" wrapText="1" indent="1"/>
    </xf>
    <xf numFmtId="0" fontId="7" fillId="5" borderId="0" xfId="4" applyFont="1" applyFill="1" applyAlignment="1">
      <alignment horizontal="left" vertical="center" wrapText="1" indent="1"/>
    </xf>
    <xf numFmtId="0" fontId="7" fillId="0" borderId="0" xfId="4" applyFont="1" applyAlignment="1">
      <alignment horizontal="left" vertical="center" indent="1"/>
    </xf>
    <xf numFmtId="166" fontId="16" fillId="0" borderId="1" xfId="0" applyNumberFormat="1" applyFont="1" applyBorder="1" applyAlignment="1">
      <alignment horizontal="left" vertical="center"/>
    </xf>
    <xf numFmtId="169" fontId="16" fillId="0" borderId="1" xfId="0" applyNumberFormat="1" applyFont="1" applyBorder="1" applyAlignment="1">
      <alignment horizontal="right" vertical="center"/>
    </xf>
    <xf numFmtId="169" fontId="16" fillId="0" borderId="22" xfId="0" applyNumberFormat="1" applyFont="1" applyBorder="1" applyAlignment="1">
      <alignment horizontal="right" vertical="center"/>
    </xf>
    <xf numFmtId="169" fontId="16" fillId="0" borderId="0" xfId="0" applyNumberFormat="1" applyFont="1" applyAlignment="1">
      <alignment horizontal="right" vertical="center"/>
    </xf>
    <xf numFmtId="0" fontId="12" fillId="0" borderId="0" xfId="0" applyFont="1" applyAlignment="1">
      <alignment horizontal="right" vertical="center" wrapText="1"/>
    </xf>
    <xf numFmtId="172" fontId="12" fillId="0" borderId="0" xfId="0" applyNumberFormat="1" applyFont="1" applyAlignment="1">
      <alignment vertical="center" wrapText="1"/>
    </xf>
    <xf numFmtId="174" fontId="7" fillId="0" borderId="0" xfId="0" applyNumberFormat="1" applyFont="1" applyAlignment="1">
      <alignment vertical="center"/>
    </xf>
    <xf numFmtId="0" fontId="3" fillId="6" borderId="12" xfId="0" applyFont="1" applyFill="1" applyBorder="1" applyAlignment="1">
      <alignment horizontal="center" vertical="center"/>
    </xf>
    <xf numFmtId="0" fontId="7" fillId="2" borderId="0" xfId="0" applyFont="1" applyFill="1" applyAlignment="1">
      <alignment horizontal="left" wrapText="1"/>
    </xf>
    <xf numFmtId="0" fontId="7" fillId="2" borderId="0" xfId="0" applyFont="1" applyFill="1" applyAlignment="1">
      <alignment horizontal="left"/>
    </xf>
    <xf numFmtId="168" fontId="3" fillId="4" borderId="0" xfId="2" applyNumberFormat="1" applyFont="1" applyFill="1" applyAlignment="1">
      <alignment horizontal="right" vertical="center"/>
    </xf>
    <xf numFmtId="168" fontId="6" fillId="5" borderId="0" xfId="2" applyNumberFormat="1" applyFont="1" applyFill="1" applyBorder="1" applyAlignment="1">
      <alignment horizontal="right" vertical="center"/>
    </xf>
    <xf numFmtId="168" fontId="3" fillId="4" borderId="3" xfId="2" applyNumberFormat="1" applyFont="1" applyFill="1" applyBorder="1" applyAlignment="1">
      <alignment horizontal="right" vertical="center"/>
    </xf>
    <xf numFmtId="168" fontId="7" fillId="0" borderId="5" xfId="2" applyNumberFormat="1" applyFont="1" applyFill="1" applyBorder="1" applyAlignment="1">
      <alignment horizontal="right" vertical="center"/>
    </xf>
    <xf numFmtId="168" fontId="2" fillId="2" borderId="0" xfId="2" applyNumberFormat="1" applyFont="1" applyFill="1"/>
    <xf numFmtId="168" fontId="7" fillId="2" borderId="0" xfId="2" applyNumberFormat="1" applyFont="1" applyFill="1" applyAlignment="1">
      <alignment horizontal="center"/>
    </xf>
    <xf numFmtId="178" fontId="7" fillId="5" borderId="0" xfId="0" applyNumberFormat="1" applyFont="1" applyFill="1" applyAlignment="1">
      <alignment horizontal="right" vertical="center"/>
    </xf>
    <xf numFmtId="0" fontId="3" fillId="4" borderId="1" xfId="0" applyFont="1" applyFill="1" applyBorder="1" applyAlignment="1">
      <alignment horizontal="center" vertical="center" wrapText="1"/>
    </xf>
    <xf numFmtId="0" fontId="4" fillId="4" borderId="1" xfId="0" applyFont="1" applyFill="1" applyBorder="1" applyAlignment="1">
      <alignment horizontal="center" vertical="center" wrapText="1"/>
    </xf>
    <xf numFmtId="0" fontId="3" fillId="4" borderId="0" xfId="0" applyFont="1" applyFill="1" applyAlignment="1">
      <alignment horizontal="center" vertical="center" wrapText="1"/>
    </xf>
    <xf numFmtId="0" fontId="4" fillId="4" borderId="0" xfId="0" applyFont="1" applyFill="1" applyAlignment="1">
      <alignment horizontal="center" vertical="center"/>
    </xf>
    <xf numFmtId="0" fontId="20" fillId="0" borderId="0" xfId="0" applyFont="1" applyAlignment="1">
      <alignment horizontal="left" vertical="center" wrapText="1"/>
    </xf>
    <xf numFmtId="0" fontId="3" fillId="4" borderId="7" xfId="0" applyFont="1" applyFill="1" applyBorder="1" applyAlignment="1">
      <alignment horizontal="center" vertical="center" wrapText="1"/>
    </xf>
    <xf numFmtId="0" fontId="7" fillId="2" borderId="0" xfId="0" applyFont="1" applyFill="1" applyAlignment="1">
      <alignment horizontal="left" wrapText="1"/>
    </xf>
    <xf numFmtId="0" fontId="7" fillId="0" borderId="0" xfId="0" applyFont="1" applyAlignment="1">
      <alignment horizontal="left" vertical="center" wrapText="1"/>
    </xf>
    <xf numFmtId="0" fontId="7" fillId="0" borderId="6" xfId="0" applyFont="1" applyBorder="1" applyAlignment="1">
      <alignment horizontal="justify" vertical="top" wrapText="1"/>
    </xf>
    <xf numFmtId="0" fontId="3" fillId="7" borderId="7" xfId="0" applyFont="1" applyFill="1" applyBorder="1" applyAlignment="1">
      <alignment horizontal="left" vertical="center"/>
    </xf>
    <xf numFmtId="0" fontId="3" fillId="7" borderId="1" xfId="0" applyFont="1" applyFill="1" applyBorder="1" applyAlignment="1">
      <alignment horizontal="left" vertical="center"/>
    </xf>
    <xf numFmtId="0" fontId="3" fillId="7" borderId="7" xfId="0" applyFont="1" applyFill="1" applyBorder="1" applyAlignment="1">
      <alignment horizontal="left" vertical="center" wrapText="1"/>
    </xf>
    <xf numFmtId="0" fontId="3" fillId="7" borderId="1" xfId="0" applyFont="1" applyFill="1" applyBorder="1" applyAlignment="1">
      <alignment horizontal="left" vertical="center" wrapText="1"/>
    </xf>
    <xf numFmtId="165" fontId="3" fillId="6" borderId="7" xfId="3" quotePrefix="1" applyNumberFormat="1" applyFont="1" applyFill="1" applyBorder="1" applyAlignment="1">
      <alignment horizontal="center" vertical="center"/>
    </xf>
    <xf numFmtId="165" fontId="3" fillId="6" borderId="1" xfId="3" quotePrefix="1" applyNumberFormat="1" applyFont="1" applyFill="1" applyBorder="1" applyAlignment="1">
      <alignment horizontal="center" vertical="center"/>
    </xf>
    <xf numFmtId="0" fontId="3" fillId="7" borderId="8" xfId="0" applyFont="1" applyFill="1" applyBorder="1" applyAlignment="1">
      <alignment horizontal="center" vertical="center"/>
    </xf>
    <xf numFmtId="0" fontId="3" fillId="6" borderId="7" xfId="0" applyFont="1" applyFill="1" applyBorder="1" applyAlignment="1">
      <alignment horizontal="left" wrapText="1"/>
    </xf>
    <xf numFmtId="0" fontId="3" fillId="6" borderId="7" xfId="0" applyFont="1" applyFill="1" applyBorder="1" applyAlignment="1">
      <alignment horizontal="left" vertical="center" wrapText="1"/>
    </xf>
    <xf numFmtId="0" fontId="3" fillId="6" borderId="4" xfId="0" applyFont="1" applyFill="1" applyBorder="1" applyAlignment="1">
      <alignment horizontal="left" vertical="center" wrapText="1"/>
    </xf>
    <xf numFmtId="0" fontId="3" fillId="6" borderId="7" xfId="0" applyFont="1" applyFill="1" applyBorder="1" applyAlignment="1">
      <alignment horizontal="center" vertical="center"/>
    </xf>
    <xf numFmtId="0" fontId="7" fillId="0" borderId="7" xfId="0" applyFont="1" applyBorder="1" applyAlignment="1">
      <alignment horizontal="left" vertical="top" wrapText="1"/>
    </xf>
    <xf numFmtId="0" fontId="7" fillId="0" borderId="0" xfId="0" applyFont="1" applyAlignment="1">
      <alignment horizontal="left" vertical="top" wrapText="1"/>
    </xf>
    <xf numFmtId="177" fontId="3" fillId="4" borderId="6" xfId="3" quotePrefix="1" applyNumberFormat="1" applyFont="1" applyFill="1" applyBorder="1" applyAlignment="1">
      <alignment horizontal="center" vertical="center"/>
    </xf>
    <xf numFmtId="177" fontId="3" fillId="4" borderId="0" xfId="3" quotePrefix="1" applyNumberFormat="1" applyFont="1" applyFill="1" applyBorder="1" applyAlignment="1">
      <alignment horizontal="center" vertical="center"/>
    </xf>
    <xf numFmtId="0" fontId="3" fillId="4" borderId="6" xfId="0" applyFont="1" applyFill="1" applyBorder="1" applyAlignment="1">
      <alignment horizontal="left" vertical="center"/>
    </xf>
    <xf numFmtId="0" fontId="3" fillId="4" borderId="0" xfId="0" applyFont="1" applyFill="1" applyAlignment="1">
      <alignment horizontal="left" vertical="center"/>
    </xf>
    <xf numFmtId="165" fontId="3" fillId="4" borderId="24" xfId="3" quotePrefix="1" applyNumberFormat="1" applyFont="1" applyFill="1" applyBorder="1" applyAlignment="1">
      <alignment horizontal="center" vertical="center"/>
    </xf>
    <xf numFmtId="165" fontId="3" fillId="4" borderId="25" xfId="3" quotePrefix="1" applyNumberFormat="1" applyFont="1" applyFill="1" applyBorder="1" applyAlignment="1">
      <alignment horizontal="center" vertical="center"/>
    </xf>
    <xf numFmtId="165" fontId="3" fillId="4" borderId="6" xfId="3" quotePrefix="1" applyNumberFormat="1" applyFont="1" applyFill="1" applyBorder="1" applyAlignment="1">
      <alignment horizontal="center" vertical="center"/>
    </xf>
    <xf numFmtId="165" fontId="3" fillId="4" borderId="0" xfId="3" quotePrefix="1" applyNumberFormat="1" applyFont="1" applyFill="1" applyBorder="1" applyAlignment="1">
      <alignment horizontal="center" vertical="center"/>
    </xf>
    <xf numFmtId="0" fontId="3" fillId="4" borderId="7" xfId="0" applyFont="1" applyFill="1" applyBorder="1" applyAlignment="1">
      <alignment horizontal="left" vertical="center"/>
    </xf>
  </cellXfs>
  <cellStyles count="9">
    <cellStyle name="Migliaia (0)_Consolidato ridotto 06 2000" xfId="7" xr:uid="{AF163E93-845E-4908-88F9-BCEE00987936}"/>
    <cellStyle name="Migliaia (0)_passivo" xfId="3" xr:uid="{723C5CA3-AC3E-4B61-AFC7-4AC911B2A49A}"/>
    <cellStyle name="Migliaia [0]" xfId="1" builtinId="6"/>
    <cellStyle name="Normale" xfId="0" builtinId="0"/>
    <cellStyle name="Normale 2 10" xfId="8" xr:uid="{0A953C54-E3BE-4A65-A3E5-42FD94A48657}"/>
    <cellStyle name="Normale 2 3 22" xfId="6" xr:uid="{309794D5-0866-4C04-8E31-B3AA35D42AB1}"/>
    <cellStyle name="Normale_Consolidato ridotto 06 2000" xfId="4" xr:uid="{C6402059-550C-446D-94C2-DF1F7033630D}"/>
    <cellStyle name="Percentuale" xfId="2" builtinId="5"/>
    <cellStyle name="Percentuale 44 2" xfId="5" xr:uid="{D679DF60-9C73-4DBE-8361-78A8A0182C9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externalLink" Target="externalLinks/externalLink7.xml"/><Relationship Id="rId18" Type="http://schemas.openxmlformats.org/officeDocument/2006/relationships/externalLink" Target="externalLinks/externalLink12.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17" Type="http://schemas.openxmlformats.org/officeDocument/2006/relationships/externalLink" Target="externalLinks/externalLink11.xml"/><Relationship Id="rId2" Type="http://schemas.openxmlformats.org/officeDocument/2006/relationships/worksheet" Target="worksheets/sheet2.xml"/><Relationship Id="rId16" Type="http://schemas.openxmlformats.org/officeDocument/2006/relationships/externalLink" Target="externalLinks/externalLink10.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externalLink" Target="externalLinks/externalLink9.xml"/><Relationship Id="rId10" Type="http://schemas.openxmlformats.org/officeDocument/2006/relationships/externalLink" Target="externalLinks/externalLink4.xml"/><Relationship Id="rId19" Type="http://schemas.openxmlformats.org/officeDocument/2006/relationships/externalLink" Target="externalLinks/externalLink13.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externalLink" Target="externalLinks/externalLink8.xml"/><Relationship Id="rId22"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rccdm\puma2\Riorganizzazione%20della%20documentazione%20PUMA2\1%20PUMADOC%20VERSIONE%20MAGGIO%202015\PUBBLICAZIONI%20POST%2019%20MAGGIO%202015\A161216M\Codifica%20bilancio%20consolidato%202016.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onassi2.sum.local\bi_fascicolo\Users\s507370\AppData\Local\Microsoft\Windows\INetCache\Content.Outlook\ZRPKD2VL\Analisi%20SegRep_master_vlr.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onassi2.sum.local\bi_fascicolo\Users\S507370\Desktop\Users\s507370\AppData\Local\Microsoft\Windows\INetCache\Content.Outlook\ZRPKD2VL\Analisi%20SegRep_master_vlr%20(2).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se103014003049\05820_CBI\Users\s538379\AppData\Local\Microsoft\Windows\Temporary%20Internet%20Files\Content.Outlook\WOD5BDOE\GMPS161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Se103014003049\05820_cbi\Documents%20and%20Settings\s006814\Desktop\CDS%209%20FEB\BMPS%20-%20Impatti%20dei%20due%20restatmts%2020130215%20rev.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e103014003049\05820_CBI\JSACK\Company%20Specific\M%20through%20Z\SBC\CCPR%20Tender\CCPR%20Tender%20Model%20final.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e103014003049\05820_cbi\05820_cbi\FINESCHI\Bilancio%20settembre%20%202002%20integrale.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e103014003049\05820_cbi\Dis_L\A_Gruppo_2018\FDC\FDC_UB_18_IFRS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se103014003049\05820_CBI\JSACK\Models\Various%20Template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Cons_GMPS_master_2020.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se103014003049\05842_SPCB\Dis_L\PIANSTRAT\RAF\RUNNING\2016\FEE161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DISCO_M/NEW%20Investor%20Relations/PRESENTAZIONI/Presentazioni%20risultati%20-%202023/1Q23/Annex%20excel%20da%20pubblicare/Cons_GMPS_master_2020.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Y:\05820_cbi\FINESCHI\Bilancio%20settembre%20%202002%20integral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R40_CONS"/>
      <sheetName val="B100000000"/>
      <sheetName val="B200000000"/>
      <sheetName val="B300000000"/>
      <sheetName val="B400000000"/>
      <sheetName val="B500000000"/>
      <sheetName val="B60D000000"/>
      <sheetName val="B60I000000"/>
      <sheetName val="B7A3010000"/>
      <sheetName val="B7A3020000"/>
      <sheetName val="B7A3030000"/>
      <sheetName val="B7A3040000"/>
      <sheetName val="B7A4010000"/>
      <sheetName val="B7A4020000"/>
      <sheetName val="B7A4030000"/>
      <sheetName val="B7A4040000"/>
      <sheetName val="B7A4050100"/>
      <sheetName val="B7A4050200"/>
      <sheetName val="B7A4050300"/>
      <sheetName val="B7A4050400"/>
      <sheetName val="B7A5000000"/>
      <sheetName val="B7B1010100"/>
      <sheetName val="B7B1020100"/>
      <sheetName val="B7B1020200"/>
      <sheetName val="B7B1030100"/>
      <sheetName val="B7B1030200"/>
      <sheetName val="B7B1040100"/>
      <sheetName val="B7B1040200"/>
      <sheetName val="B7B1040300"/>
      <sheetName val="B7B1050100"/>
      <sheetName val="B7B1050200"/>
      <sheetName val="B7B1050300"/>
      <sheetName val="B7B1060100"/>
      <sheetName val="B7B1060200"/>
      <sheetName val="B7B1060300"/>
      <sheetName val="B7B1070100"/>
      <sheetName val="B7B1070200"/>
      <sheetName val="B7B1070300"/>
      <sheetName val="B7B1070400"/>
      <sheetName val="B7B1080100"/>
      <sheetName val="B7B1080200"/>
      <sheetName val="B7B1090100"/>
      <sheetName val="B7B1090200"/>
      <sheetName val="B7B1100100"/>
      <sheetName val="B7B1100200"/>
      <sheetName val="B7B1100300"/>
      <sheetName val="B7B1100400"/>
      <sheetName val="B7B1100500"/>
      <sheetName val="B7B1100600"/>
      <sheetName val="B7B1100700"/>
      <sheetName val="B7B1100800"/>
      <sheetName val="B7B1100900"/>
      <sheetName val="B7B1101010"/>
      <sheetName val="B7B1110100"/>
      <sheetName val="B7B1110200"/>
      <sheetName val="B7B1120100"/>
      <sheetName val="B7B1120200"/>
      <sheetName val="B7B1120300"/>
      <sheetName val="B7B1120400"/>
      <sheetName val="B7B1120500"/>
      <sheetName val="B7B1120600"/>
      <sheetName val="B7B1120700"/>
      <sheetName val="B7B1130100"/>
      <sheetName val="B7B1130200"/>
      <sheetName val="B7B1130300"/>
      <sheetName val="B7B1140100"/>
      <sheetName val="B7B1140200"/>
      <sheetName val="B7B1140300"/>
      <sheetName val="B7B1140301"/>
      <sheetName val="B7B1140400"/>
      <sheetName val="B7B1140500"/>
      <sheetName val="B7B1140600"/>
      <sheetName val="B7B1140700"/>
      <sheetName val="B7B1150100"/>
      <sheetName val="B7B1150200"/>
      <sheetName val="B7B1150300"/>
      <sheetName val="B7B1160100"/>
      <sheetName val="B7B2010100"/>
      <sheetName val="B7B2010200"/>
      <sheetName val="B7B2010300"/>
      <sheetName val="B7B2010400"/>
      <sheetName val="B7B2010500"/>
      <sheetName val="B7B2020100"/>
      <sheetName val="B7B2020200"/>
      <sheetName val="B7B2020300"/>
      <sheetName val="B7B2020400"/>
      <sheetName val="B7B2020500"/>
      <sheetName val="B7B2030100"/>
      <sheetName val="B7B2030200"/>
      <sheetName val="B7B2030300"/>
      <sheetName val="B7B2040100"/>
      <sheetName val="B7B2040200"/>
      <sheetName val="B7B2040300"/>
      <sheetName val="B7B2050100"/>
      <sheetName val="B7B2050200"/>
      <sheetName val="B7B2060100"/>
      <sheetName val="B7B2060200"/>
      <sheetName val="B7B2070100"/>
      <sheetName val="B7B2070200"/>
      <sheetName val="B7B2080100"/>
      <sheetName val="B7B2090100"/>
      <sheetName val="B7B2100100"/>
      <sheetName val="B7B2110100"/>
      <sheetName val="B7B2110200"/>
      <sheetName val="B7B2120100"/>
      <sheetName val="B7B2120200"/>
      <sheetName val="B7B2120300"/>
      <sheetName val="B7B2120400"/>
      <sheetName val="B7B2130100"/>
      <sheetName val="B7B2130200"/>
      <sheetName val="B7B2140100"/>
      <sheetName val="B7B2150100"/>
      <sheetName val="B7B2150200"/>
      <sheetName val="B7B2150300"/>
      <sheetName val="B7B2150400"/>
      <sheetName val="B7B2150500"/>
      <sheetName val="B7B2160100"/>
      <sheetName val="B7B3000100"/>
      <sheetName val="B7B3000200"/>
      <sheetName val="B7B3000300"/>
      <sheetName val="B7B3000400"/>
      <sheetName val="B7B3000500"/>
      <sheetName val="B7B3000600"/>
      <sheetName val="B7B3000700"/>
      <sheetName val="B7C0010100"/>
      <sheetName val="B7C0010200"/>
      <sheetName val="B7C0010300"/>
      <sheetName val="B7C0010310"/>
      <sheetName val="B7C0010320"/>
      <sheetName val="B7C0010400"/>
      <sheetName val="B7C0010500"/>
      <sheetName val="B7C0010600"/>
      <sheetName val="B7C0010610"/>
      <sheetName val="B7C0010620"/>
      <sheetName val="B7C0020100"/>
      <sheetName val="B7C0020200"/>
      <sheetName val="B7C0030100"/>
      <sheetName val="B7C0040100"/>
      <sheetName val="B7C0050100"/>
      <sheetName val="B7C0060100"/>
      <sheetName val="B7C0070100"/>
      <sheetName val="B7C0080100"/>
      <sheetName val="B7C0080200"/>
      <sheetName val="B7C0080300"/>
      <sheetName val="B7C0080400"/>
      <sheetName val="B7C0090100"/>
      <sheetName val="B7C0100100"/>
      <sheetName val="B7C0100200"/>
      <sheetName val="B7C0100410"/>
      <sheetName val="B7C0100420"/>
      <sheetName val="B7C0110100"/>
      <sheetName val="B7C0110200"/>
      <sheetName val="B7C0110300"/>
      <sheetName val="B7C0110400"/>
      <sheetName val="B7C0110500"/>
      <sheetName val="B7C0120100"/>
      <sheetName val="B7C0130100"/>
      <sheetName val="B7C0140100"/>
      <sheetName val="B7C0150100"/>
      <sheetName val="B7C0150200"/>
      <sheetName val="B7C0160100"/>
      <sheetName val="B7C0170100"/>
      <sheetName val="B7C0180100"/>
      <sheetName val="B7C0190100"/>
      <sheetName val="B7C0200100"/>
      <sheetName val="B7C0200200"/>
      <sheetName val="B7C0210100"/>
      <sheetName val="B7C0210200"/>
      <sheetName val="B7C0220100"/>
      <sheetName val="B7C0220200"/>
      <sheetName val="B7C0230000"/>
      <sheetName val="B7C0240100"/>
      <sheetName val="B7C0240200"/>
      <sheetName val="B7D0000000"/>
      <sheetName val="B7E011A110"/>
      <sheetName val="B7E011A120"/>
      <sheetName val="B7E011A130"/>
      <sheetName val="B7E011A140"/>
      <sheetName val="B7E011A141"/>
      <sheetName val="B7E011A150"/>
      <sheetName val="B7E011A160"/>
      <sheetName val="B7E011A170"/>
      <sheetName val="B7E011A171"/>
      <sheetName val="B7E011A180"/>
      <sheetName val="B7E011A210"/>
      <sheetName val="B7E011A220"/>
      <sheetName val="B7E011A310"/>
      <sheetName val="B7E011A320"/>
      <sheetName val="B7E011B100"/>
      <sheetName val="B7E011B200"/>
      <sheetName val="B7E011B300"/>
      <sheetName val="B7E011B400"/>
      <sheetName val="B7E011C100"/>
      <sheetName val="B7E011C200"/>
      <sheetName val="B7E011C300"/>
      <sheetName val="B7E011C700"/>
      <sheetName val="B7E011C500"/>
      <sheetName val="B7E011C600"/>
      <sheetName val="B7E011D100"/>
      <sheetName val="B7E011D210"/>
      <sheetName val="B7E011D220"/>
      <sheetName val="B7E011E100"/>
      <sheetName val="B7E011E200"/>
      <sheetName val="B7E011E300"/>
      <sheetName val="B7E011E400"/>
      <sheetName val="B7E011F000"/>
      <sheetName val="B7E011F121"/>
      <sheetName val="B7E011F122"/>
      <sheetName val="B7E011F123"/>
      <sheetName val="B7E011F221"/>
      <sheetName val="B7E011F222"/>
      <sheetName val="B7E011F231"/>
      <sheetName val="B7E011F232"/>
      <sheetName val="B7E0124A10"/>
      <sheetName val="B7E0124A21"/>
      <sheetName val="B7E0124A22"/>
      <sheetName val="B7E0124A30"/>
      <sheetName val="B7E0124A40"/>
      <sheetName val="B7E0124A50"/>
      <sheetName val="B7E0124A60"/>
      <sheetName val="B7E0124A70"/>
      <sheetName val="B7E0124A80"/>
      <sheetName val="B7E0124A91"/>
      <sheetName val="B7E0124A92"/>
      <sheetName val="B7E0124B10"/>
      <sheetName val="B7E0124B20"/>
      <sheetName val="B7E0124B30"/>
      <sheetName val="B7E0124B40"/>
      <sheetName val="B7E0124B50"/>
      <sheetName val="B7E0124B60"/>
      <sheetName val="B7E0124B70"/>
      <sheetName val="B7E0124C01"/>
      <sheetName val="B7E0130100"/>
      <sheetName val="B7F0011B00"/>
      <sheetName val="B7F0012B00"/>
      <sheetName val="B7F0013B00"/>
      <sheetName val="B7F0014B00"/>
      <sheetName val="B7F0022B00"/>
      <sheetName val="B7F0023B00"/>
      <sheetName val="B7F0030000"/>
      <sheetName val="B7F0040000"/>
      <sheetName val="B7G0010000"/>
      <sheetName val="B7G0020000"/>
      <sheetName val="B7G0030000"/>
      <sheetName val="B7I0001B10"/>
      <sheetName val="Foglio1"/>
      <sheetName val="Foglio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sheetData sheetId="67" refreshError="1"/>
      <sheetData sheetId="68" refreshError="1"/>
      <sheetData sheetId="69" refreshError="1"/>
      <sheetData sheetId="70" refreshError="1"/>
      <sheetData sheetId="71"/>
      <sheetData sheetId="72" refreshError="1"/>
      <sheetData sheetId="73" refreshError="1"/>
      <sheetData sheetId="74" refreshError="1"/>
      <sheetData sheetId="75"/>
      <sheetData sheetId="76" refreshError="1"/>
      <sheetData sheetId="77" refreshError="1"/>
      <sheetData sheetId="78" refreshError="1"/>
      <sheetData sheetId="79" refreshError="1"/>
      <sheetData sheetId="80" refreshError="1"/>
      <sheetData sheetId="81"/>
      <sheetData sheetId="82" refreshError="1"/>
      <sheetData sheetId="83" refreshError="1"/>
      <sheetData sheetId="84" refreshError="1"/>
      <sheetData sheetId="85" refreshError="1"/>
      <sheetData sheetId="86"/>
      <sheetData sheetId="87" refreshError="1"/>
      <sheetData sheetId="88" refreshError="1"/>
      <sheetData sheetId="89" refreshError="1"/>
      <sheetData sheetId="90" refreshError="1"/>
      <sheetData sheetId="91" refreshError="1"/>
      <sheetData sheetId="92"/>
      <sheetData sheetId="93" refreshError="1"/>
      <sheetData sheetId="94" refreshError="1"/>
      <sheetData sheetId="95" refreshError="1"/>
      <sheetData sheetId="96" refreshError="1"/>
      <sheetData sheetId="97" refreshError="1"/>
      <sheetData sheetId="98"/>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sheetData sheetId="114"/>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sheetData sheetId="180" refreshError="1"/>
      <sheetData sheetId="181" refreshError="1"/>
      <sheetData sheetId="182" refreshError="1"/>
      <sheetData sheetId="183"/>
      <sheetData sheetId="184" refreshError="1"/>
      <sheetData sheetId="185"/>
      <sheetData sheetId="186" refreshError="1"/>
      <sheetData sheetId="187" refreshError="1"/>
      <sheetData sheetId="188" refreshError="1"/>
      <sheetData sheetId="189" refreshError="1"/>
      <sheetData sheetId="190"/>
      <sheetData sheetId="191" refreshError="1"/>
      <sheetData sheetId="192" refreshError="1"/>
      <sheetData sheetId="193" refreshError="1"/>
      <sheetData sheetId="194"/>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sheetData sheetId="209" refreshError="1"/>
      <sheetData sheetId="210"/>
      <sheetData sheetId="211" refreshError="1"/>
      <sheetData sheetId="212"/>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vvio"/>
      <sheetName val="Sintesi_Output_PY"/>
      <sheetName val="Sintesi_Output_PY Dett_Ricavi"/>
      <sheetName val="Sintesi_Output_PQ"/>
      <sheetName val="Sintesi_Output_QQ"/>
      <sheetName val="Sintesi_Output_EY"/>
      <sheetName val="SP_Output"/>
      <sheetName val="CE_Output"/>
      <sheetName val="CE_Soc"/>
      <sheetName val="Sintesi_NI_AC"/>
      <sheetName val="Sintesi_NI_AP"/>
      <sheetName val="Riepilogo_Volumi"/>
      <sheetName val="SegRet_TotRic"/>
      <sheetName val="SegWea_TotRic"/>
      <sheetName val="SegWid_TotRic"/>
      <sheetName val="SegCor_MGFA"/>
      <sheetName val="SegRet_Volumi_Grafici"/>
      <sheetName val="SegWea_Volumi_Grafici"/>
      <sheetName val="SegCor_Volumi_Grafici"/>
      <sheetName val="SegWid_Volumi_Grafici"/>
      <sheetName val="SegRet_MGFA_Grafici"/>
      <sheetName val="SegWea_MGFA_Grafici"/>
      <sheetName val="SegCor_MGFA_Grafici"/>
      <sheetName val="SegWid_MGFA_Grafici"/>
      <sheetName val="Chk_RacInd"/>
      <sheetName val="RacDir_Ret"/>
      <sheetName val="RacDir_Cor"/>
      <sheetName val="RacDir_Wea"/>
      <sheetName val="RacDir_Wid"/>
      <sheetName val="Gest_Ret"/>
      <sheetName val="Gest_Cor"/>
      <sheetName val="Gest_Wid"/>
      <sheetName val="Gest_Wea"/>
      <sheetName val="chk_indiretta"/>
      <sheetName val="Amm_Ret"/>
      <sheetName val="Amm_Cor"/>
      <sheetName val="Amm_Wea"/>
      <sheetName val="Amm_Wid"/>
      <sheetName val="Imp_Ret"/>
      <sheetName val="Imp_Wea"/>
      <sheetName val="Imp_Wid"/>
      <sheetName val="Imp_Cor"/>
      <sheetName val="Eco_Ret"/>
      <sheetName val="Eco_Cor"/>
      <sheetName val="Eco_Wea"/>
      <sheetName val="Eco_Wid"/>
      <sheetName val="SP_Output_Presentazione"/>
      <sheetName val="CE_Output_Presentazione"/>
      <sheetName val="CE_Soc_Presentazion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vvio"/>
      <sheetName val="Sintesi_Output_PY"/>
      <sheetName val="Sintesi_Output_PQ"/>
      <sheetName val="Sintesi_Output_QQ"/>
      <sheetName val="Sintesi_Output_EY"/>
      <sheetName val="SP_Output"/>
      <sheetName val="CE_Output"/>
      <sheetName val="CE_Soc"/>
      <sheetName val="Sintesi_NI_AC"/>
      <sheetName val="Sintesi_NI_AP"/>
      <sheetName val="Riepilogo_Volumi"/>
      <sheetName val="SegRet_TotRic"/>
      <sheetName val="SegWea_TotRic"/>
      <sheetName val="SegWid_TotRic"/>
      <sheetName val="SegCor_MGFA"/>
      <sheetName val="SegRet_Volumi_Grafici"/>
      <sheetName val="SegWea_Volumi_Grafici"/>
      <sheetName val="SegCor_Volumi_Grafici"/>
      <sheetName val="SegWid_Volumi_Grafici"/>
      <sheetName val="SegRet_MGFA_Grafici"/>
      <sheetName val="SegWea_MGFA_Grafici"/>
      <sheetName val="SegCor_MGFA_Grafici"/>
      <sheetName val="SegWid_MGFA_Grafici"/>
      <sheetName val="Chk_RacInd"/>
      <sheetName val="RacDir_Ret"/>
      <sheetName val="RacDir_Cor"/>
      <sheetName val="RacDir_Wea"/>
      <sheetName val="RacDir_Wid"/>
      <sheetName val="Gest_Ret"/>
      <sheetName val="Gest_Cor"/>
      <sheetName val="Gest_Wid"/>
      <sheetName val="Gest_Wea"/>
      <sheetName val="chk_indiretta"/>
      <sheetName val="Amm_Ret"/>
      <sheetName val="Amm_Cor"/>
      <sheetName val="Amm_Wea"/>
      <sheetName val="Amm_Wid"/>
      <sheetName val="Imp_Ret"/>
      <sheetName val="Imp_Wea"/>
      <sheetName val="Imp_Wid"/>
      <sheetName val="Imp_Cor"/>
      <sheetName val="Eco_Ret"/>
      <sheetName val="Eco_Cor"/>
      <sheetName val="Eco_Wea"/>
      <sheetName val="Eco_Wid"/>
    </sheetNames>
    <sheetDataSet>
      <sheetData sheetId="0" refreshError="1">
        <row r="2">
          <cell r="B2">
            <v>43190</v>
          </cell>
        </row>
        <row r="5">
          <cell r="B5">
            <v>4282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iepilogo LME"/>
      <sheetName val="Ceck"/>
      <sheetName val="Tasse_CE"/>
      <sheetName val="ECO"/>
      <sheetName val="Attivo"/>
      <sheetName val="Passivo"/>
      <sheetName val="LME"/>
      <sheetName val="Rac"/>
      <sheetName val="Indb"/>
      <sheetName val="Ces"/>
      <sheetName val="Indc"/>
      <sheetName val="Iw"/>
      <sheetName val="CA"/>
      <sheetName val="CAC"/>
      <sheetName val="SOP"/>
      <sheetName val="Credito"/>
      <sheetName val="Juliet"/>
      <sheetName val="Aquiring "/>
      <sheetName val="ASA"/>
      <sheetName val="HR"/>
      <sheetName val="FRO"/>
      <sheetName val="Output"/>
      <sheetName val="SP"/>
      <sheetName val="RacComp"/>
      <sheetName val="Backup"/>
      <sheetName val="Input Mod_Capitale"/>
      <sheetName val="valori puntuali"/>
      <sheetName val="Effetto tasso"/>
      <sheetName val="FundReport_LME"/>
      <sheetName val="effetto volumi"/>
      <sheetName val="PI_1518"/>
      <sheetName val="RAF"/>
      <sheetName val="Bdg16"/>
      <sheetName val="Tassi"/>
      <sheetName val="Scad"/>
      <sheetName val="Scenario"/>
      <sheetName val="Scenario 1"/>
      <sheetName val="Base"/>
      <sheetName val="Quadratura"/>
      <sheetName val="Cost of funding"/>
      <sheetName val="FundReport"/>
      <sheetName val="Funding"/>
      <sheetName val="Effetti_def"/>
      <sheetName val="Effetti_old"/>
      <sheetName val="Back_up_NII"/>
      <sheetName val="TERP"/>
      <sheetName val="SP_spiega operazione"/>
      <sheetName val="Rac normalizzato"/>
      <sheetName val="FundReport_Hp2"/>
      <sheetName val="Foglio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ow r="2">
          <cell r="B2" t="str">
            <v>Tassi</v>
          </cell>
          <cell r="D2">
            <v>42559</v>
          </cell>
          <cell r="E2">
            <v>42735</v>
          </cell>
          <cell r="F2">
            <v>43100</v>
          </cell>
          <cell r="G2">
            <v>43465</v>
          </cell>
          <cell r="H2">
            <v>43830</v>
          </cell>
        </row>
        <row r="3">
          <cell r="E3">
            <v>2016</v>
          </cell>
          <cell r="F3">
            <v>2017</v>
          </cell>
          <cell r="G3">
            <v>2018</v>
          </cell>
          <cell r="H3">
            <v>2019</v>
          </cell>
        </row>
        <row r="4">
          <cell r="B4" t="str">
            <v>Eur1m</v>
          </cell>
          <cell r="D4">
            <v>-3.6600000000000001E-3</v>
          </cell>
          <cell r="E4">
            <v>-3.6600000000000001E-3</v>
          </cell>
          <cell r="F4">
            <v>-3.6600000000000001E-3</v>
          </cell>
          <cell r="G4">
            <v>-3.6600000000000001E-3</v>
          </cell>
          <cell r="H4">
            <v>-3.6600000000000001E-3</v>
          </cell>
        </row>
        <row r="5">
          <cell r="B5" t="str">
            <v>Eur3m</v>
          </cell>
          <cell r="D5">
            <v>-2.9299999999999999E-3</v>
          </cell>
          <cell r="E5">
            <v>-2.9299999999999999E-3</v>
          </cell>
          <cell r="F5">
            <v>-2.9299999999999999E-3</v>
          </cell>
          <cell r="G5">
            <v>-2.9299999999999999E-3</v>
          </cell>
          <cell r="H5">
            <v>-2.9299999999999999E-3</v>
          </cell>
        </row>
        <row r="6">
          <cell r="B6" t="str">
            <v>Eur6m</v>
          </cell>
          <cell r="D6">
            <v>-1.89E-3</v>
          </cell>
          <cell r="E6">
            <v>-1.89E-3</v>
          </cell>
          <cell r="F6">
            <v>-1.89E-3</v>
          </cell>
          <cell r="G6">
            <v>-1.89E-3</v>
          </cell>
          <cell r="H6">
            <v>-1.89E-3</v>
          </cell>
        </row>
        <row r="7">
          <cell r="B7" t="str">
            <v>Eur12m</v>
          </cell>
          <cell r="D7">
            <v>-6.3000000000000003E-4</v>
          </cell>
          <cell r="E7">
            <v>-6.3000000000000003E-4</v>
          </cell>
          <cell r="F7">
            <v>-6.3000000000000003E-4</v>
          </cell>
          <cell r="G7">
            <v>-6.3000000000000003E-4</v>
          </cell>
          <cell r="H7">
            <v>-6.3000000000000003E-4</v>
          </cell>
        </row>
        <row r="8">
          <cell r="B8" t="str">
            <v>IRS2Y</v>
          </cell>
          <cell r="D8">
            <v>-2.3999999999999998E-3</v>
          </cell>
          <cell r="E8">
            <v>-2.3999999999999998E-3</v>
          </cell>
          <cell r="F8">
            <v>-2.3999999999999998E-3</v>
          </cell>
          <cell r="G8">
            <v>-2.3999999999999998E-3</v>
          </cell>
          <cell r="H8">
            <v>-2.3999999999999998E-3</v>
          </cell>
        </row>
        <row r="9">
          <cell r="B9" t="str">
            <v>IRS3Y</v>
          </cell>
          <cell r="D9">
            <v>-2.5999999999999999E-3</v>
          </cell>
          <cell r="E9">
            <v>-2.5999999999999999E-3</v>
          </cell>
          <cell r="F9">
            <v>-2.5999999999999999E-3</v>
          </cell>
          <cell r="G9">
            <v>-2.5999999999999999E-3</v>
          </cell>
          <cell r="H9">
            <v>-2.5999999999999999E-3</v>
          </cell>
        </row>
        <row r="10">
          <cell r="B10" t="str">
            <v>IRS4Y</v>
          </cell>
          <cell r="D10">
            <v>-2.0999999999999999E-3</v>
          </cell>
          <cell r="E10">
            <v>-2.0999999999999999E-3</v>
          </cell>
          <cell r="F10">
            <v>-2.0999999999999999E-3</v>
          </cell>
          <cell r="G10">
            <v>-2.0999999999999999E-3</v>
          </cell>
          <cell r="H10">
            <v>-2.0999999999999999E-3</v>
          </cell>
        </row>
        <row r="11">
          <cell r="B11" t="str">
            <v>IRS5Y</v>
          </cell>
          <cell r="D11">
            <v>-1.6000000000000001E-3</v>
          </cell>
          <cell r="E11">
            <v>-1.6000000000000001E-3</v>
          </cell>
          <cell r="F11">
            <v>-1.6000000000000001E-3</v>
          </cell>
          <cell r="G11">
            <v>-1.6000000000000001E-3</v>
          </cell>
          <cell r="H11">
            <v>-1.6000000000000001E-3</v>
          </cell>
        </row>
        <row r="12">
          <cell r="B12" t="str">
            <v>IRS6Y</v>
          </cell>
          <cell r="D12">
            <v>-1E-3</v>
          </cell>
          <cell r="E12">
            <v>-1E-3</v>
          </cell>
          <cell r="F12">
            <v>-1E-3</v>
          </cell>
          <cell r="G12">
            <v>-1E-3</v>
          </cell>
          <cell r="H12">
            <v>-1E-3</v>
          </cell>
        </row>
        <row r="13">
          <cell r="B13" t="str">
            <v>IRS7Y</v>
          </cell>
          <cell r="D13">
            <v>0</v>
          </cell>
          <cell r="E13">
            <v>0</v>
          </cell>
          <cell r="F13">
            <v>0</v>
          </cell>
          <cell r="G13">
            <v>0</v>
          </cell>
          <cell r="H13">
            <v>0</v>
          </cell>
        </row>
        <row r="14">
          <cell r="B14" t="str">
            <v>IRS8Y</v>
          </cell>
          <cell r="D14">
            <v>1E-3</v>
          </cell>
          <cell r="E14">
            <v>1E-3</v>
          </cell>
          <cell r="F14">
            <v>1E-3</v>
          </cell>
          <cell r="G14">
            <v>1E-3</v>
          </cell>
          <cell r="H14">
            <v>1E-3</v>
          </cell>
        </row>
        <row r="15">
          <cell r="B15" t="str">
            <v>IRS9Y</v>
          </cell>
          <cell r="D15">
            <v>2E-3</v>
          </cell>
          <cell r="E15">
            <v>2E-3</v>
          </cell>
          <cell r="F15">
            <v>2E-3</v>
          </cell>
          <cell r="G15">
            <v>2E-3</v>
          </cell>
          <cell r="H15">
            <v>2E-3</v>
          </cell>
        </row>
        <row r="16">
          <cell r="B16" t="str">
            <v>IRS10Y</v>
          </cell>
          <cell r="D16">
            <v>2.8E-3</v>
          </cell>
          <cell r="E16">
            <v>2.8E-3</v>
          </cell>
          <cell r="F16">
            <v>2.8E-3</v>
          </cell>
          <cell r="G16">
            <v>2.8E-3</v>
          </cell>
          <cell r="H16">
            <v>2.8E-3</v>
          </cell>
        </row>
        <row r="17">
          <cell r="B17" t="str">
            <v>IRS15Y</v>
          </cell>
          <cell r="D17">
            <v>6.1999999999999998E-3</v>
          </cell>
          <cell r="E17">
            <v>6.1999999999999998E-3</v>
          </cell>
          <cell r="F17">
            <v>6.1999999999999998E-3</v>
          </cell>
          <cell r="G17">
            <v>6.1999999999999998E-3</v>
          </cell>
          <cell r="H17">
            <v>6.1999999999999998E-3</v>
          </cell>
        </row>
        <row r="18">
          <cell r="B18" t="str">
            <v>IRS20Y</v>
          </cell>
          <cell r="D18">
            <v>7.3000000000000001E-3</v>
          </cell>
          <cell r="E18">
            <v>7.3000000000000001E-3</v>
          </cell>
          <cell r="F18">
            <v>7.3000000000000001E-3</v>
          </cell>
          <cell r="G18">
            <v>7.3000000000000001E-3</v>
          </cell>
          <cell r="H18">
            <v>7.3000000000000001E-3</v>
          </cell>
        </row>
        <row r="19">
          <cell r="B19" t="str">
            <v>EONIA 1m</v>
          </cell>
          <cell r="D19">
            <v>-3.4099999999999998E-3</v>
          </cell>
          <cell r="E19">
            <v>-3.4099999999999998E-3</v>
          </cell>
          <cell r="F19">
            <v>-3.4099999999999998E-3</v>
          </cell>
          <cell r="G19">
            <v>-3.4099999999999998E-3</v>
          </cell>
          <cell r="H19">
            <v>-3.4099999999999998E-3</v>
          </cell>
        </row>
        <row r="20">
          <cell r="B20" t="str">
            <v>CDSMPS</v>
          </cell>
          <cell r="D20">
            <v>5.9700000000000003E-2</v>
          </cell>
          <cell r="E20">
            <v>5.9700000000000003E-2</v>
          </cell>
          <cell r="F20">
            <v>5.9700000000000003E-2</v>
          </cell>
          <cell r="G20">
            <v>5.9700000000000003E-2</v>
          </cell>
          <cell r="H20">
            <v>5.9700000000000003E-2</v>
          </cell>
        </row>
      </sheetData>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iepilogo impatti  REPO"/>
      <sheetName val="Riepilogo impatti CDS"/>
      <sheetName val="Riepilogo impatti REPO Alex+san"/>
      <sheetName val="Tabella riepilogativa"/>
      <sheetName val="DINAMICA SALDI"/>
    </sheetNames>
    <sheetDataSet>
      <sheetData sheetId="0" refreshError="1"/>
      <sheetData sheetId="1" refreshError="1"/>
      <sheetData sheetId="2" refreshError="1"/>
      <sheetData sheetId="3" refreshError="1"/>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 Breakeven"/>
      <sheetName val="Scenario1"/>
      <sheetName val="Scenario2"/>
      <sheetName val="NPV"/>
      <sheetName val="Data"/>
      <sheetName val="Tax"/>
      <sheetName val="Summary"/>
      <sheetName val="Flows"/>
      <sheetName val="TA Exchange"/>
      <sheetName val="Breakeven"/>
      <sheetName val="DF"/>
      <sheetName val="DiscFact"/>
      <sheetName val="1"/>
      <sheetName val="2"/>
      <sheetName val="3"/>
      <sheetName val="4"/>
      <sheetName val="5"/>
      <sheetName val="Module1"/>
      <sheetName val="Module2"/>
      <sheetName val="Module4"/>
      <sheetName val="Module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schemi"/>
      <sheetName val="AT1"/>
      <sheetName val="PA1"/>
      <sheetName val="GI1"/>
      <sheetName val="EC1"/>
      <sheetName val="raffronto"/>
      <sheetName val="AT2"/>
      <sheetName val="PA2"/>
      <sheetName val="GI2"/>
      <sheetName val="EC2"/>
      <sheetName val="AT3"/>
      <sheetName val="PA3"/>
      <sheetName val="GI3"/>
      <sheetName val="EC3"/>
      <sheetName val="nota"/>
      <sheetName val="premessa"/>
      <sheetName val="A"/>
      <sheetName val="criteri"/>
      <sheetName val="B"/>
      <sheetName val="S1"/>
      <sheetName val="S1 (2)"/>
      <sheetName val="S1 (3)"/>
      <sheetName val="S1 (4)"/>
      <sheetName val="S2"/>
      <sheetName val="S3"/>
      <sheetName val="S3(2)"/>
      <sheetName val="S3(3)"/>
      <sheetName val="S4"/>
      <sheetName val="S5"/>
      <sheetName val="S6"/>
      <sheetName val="S7"/>
      <sheetName val="S8"/>
      <sheetName val="P18 bis"/>
      <sheetName val="S9"/>
      <sheetName val="S10"/>
      <sheetName val="S11"/>
      <sheetName val="tempatt"/>
      <sheetName val="tempas"/>
      <sheetName val="S11 (2)"/>
      <sheetName val="21"/>
      <sheetName val="21b"/>
      <sheetName val="S12"/>
      <sheetName val="C"/>
      <sheetName val="E1"/>
      <sheetName val="E2"/>
      <sheetName val="E3"/>
      <sheetName val="E4"/>
      <sheetName val="E5"/>
      <sheetName val="E6"/>
      <sheetName val="E7"/>
      <sheetName val="D"/>
      <sheetName val="D1"/>
      <sheetName val="D1b"/>
      <sheetName val="D1c"/>
      <sheetName val="D2"/>
      <sheetName val="PR"/>
      <sheetName val="All"/>
      <sheetName val="RF"/>
      <sheetName val="patrimonio"/>
      <sheetName val="partecipazioni"/>
      <sheetName val="immobili"/>
      <sheetName val="rilevanti"/>
      <sheetName val="legenda"/>
      <sheetName val="raffronto_old"/>
      <sheetName val="AT2old"/>
      <sheetName val="PA2old"/>
      <sheetName val="GI2old"/>
      <sheetName val="EC2old"/>
      <sheetName val="Foglio1"/>
      <sheetName val="Foglio2"/>
      <sheetName val="Foglio1 (2)"/>
      <sheetName val="Foglio2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sheetData sheetId="70" refreshError="1"/>
      <sheetData sheetId="71" refreshError="1"/>
      <sheetData sheetId="7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ut_sint_bck"/>
      <sheetName val="AVVIO"/>
      <sheetName val="PRG_ECO_UB"/>
      <sheetName val="PRG"/>
      <sheetName val="MESE_ECO_UB"/>
      <sheetName val="MESE"/>
      <sheetName val="EVO_MESI"/>
      <sheetName val="EVO_MESI Comm"/>
      <sheetName val="TRIM"/>
      <sheetName val="out_mese"/>
      <sheetName val="out_PRG"/>
      <sheetName val="out_FOCUS"/>
      <sheetName val="out_focus_soc"/>
      <sheetName val="out_sisifo"/>
      <sheetName val="Commitment"/>
      <sheetName val="out_ALL"/>
      <sheetName val="out_ALL_ENGLISH"/>
      <sheetName val="OUT_TRIM_BDG"/>
      <sheetName val="Bil_OUT_TRIM"/>
      <sheetName val="Bil_OUT_BCK"/>
      <sheetName val="Bil_OUT_PRG"/>
      <sheetName val="CFR FCT"/>
      <sheetName val="Bil_OUT_TRIM BS"/>
      <sheetName val="Bil_OUT_TRIM_new"/>
      <sheetName val="Bil_OUT_TRIM actual"/>
      <sheetName val="Bil_OUT_TRIM_cred"/>
      <sheetName val="OUT_TRIM_BDG_Belgio"/>
      <sheetName val="Bil_OUT_TRIM_Belgio"/>
      <sheetName val="Bil_OUT_TRIM_Belgio (2)"/>
      <sheetName val="Bil_OUT_BCK _Belgio"/>
      <sheetName val="Bil_OUT_PRG_Belgio"/>
      <sheetName val="CFR FCT_Belgio"/>
      <sheetName val="UTILI DA VALUTAZIONE E REALIZZO"/>
      <sheetName val="out_mese_fct"/>
      <sheetName val="out_PRG fct"/>
    </sheetNames>
    <sheetDataSet>
      <sheetData sheetId="0"/>
      <sheetData sheetId="1">
        <row r="3">
          <cell r="C3" t="str">
            <v>Gruppo</v>
          </cell>
        </row>
        <row r="5">
          <cell r="C5">
            <v>43373</v>
          </cell>
        </row>
        <row r="6">
          <cell r="C6">
            <v>30</v>
          </cell>
        </row>
        <row r="10">
          <cell r="C10">
            <v>365</v>
          </cell>
        </row>
        <row r="16">
          <cell r="C16">
            <v>43343</v>
          </cell>
        </row>
        <row r="18">
          <cell r="C18">
            <v>43008</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rossholders"/>
      <sheetName val="Premium @ various spreads"/>
      <sheetName val="One Bond Holder"/>
      <sheetName val="Debt Maturity Schedule"/>
      <sheetName val="Price Many Bonds"/>
      <sheetName val="Summary"/>
      <sheetName val="Comps"/>
      <sheetName val="Clear Comps"/>
      <sheetName val="Module1"/>
      <sheetName val="Various Templates"/>
    </sheetNames>
    <definedNames>
      <definedName name="ClearMaster" refersTo="#RIF!"/>
      <definedName name="FormatMaster" refersTo="#RIF!"/>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IVER"/>
      <sheetName val="Avvio"/>
      <sheetName val="110b"/>
      <sheetName val="INPUT_MAN"/>
      <sheetName val="schebil_SP"/>
      <sheetName val="schebil_Eco"/>
      <sheetName val="schebil_EcoM"/>
      <sheetName val="input eco"/>
      <sheetName val="Indici"/>
      <sheetName val="attivo-arr "/>
      <sheetName val="pas-arr"/>
      <sheetName val="eco-arr"/>
      <sheetName val="Redd Compl NEW"/>
      <sheetName val="netto"/>
      <sheetName val="nettoV"/>
      <sheetName val="nettoT-1"/>
      <sheetName val="nettoT-1v"/>
      <sheetName val="Rendiconto HFM"/>
      <sheetName val="piano2021_2025"/>
      <sheetName val="parteA consolid "/>
      <sheetName val="A4.4.a"/>
      <sheetName val="pEA.1.5a"/>
      <sheetName val="Covid3"/>
      <sheetName val="ECO"/>
      <sheetName val="ECOM"/>
      <sheetName val="ECO trim"/>
      <sheetName val="M.I."/>
      <sheetName val="ComNet"/>
      <sheetName val="MI_dett"/>
      <sheetName val="110"/>
      <sheetName val="C4"/>
      <sheetName val="C6"/>
      <sheetName val="oneri_oper"/>
      <sheetName val="C8"/>
      <sheetName val="C7.2"/>
      <sheetName val="Racc_PN"/>
      <sheetName val="SP"/>
      <sheetName val="SP trim"/>
      <sheetName val="RacComplessiva"/>
      <sheetName val="RacDir"/>
      <sheetName val="RacIndiretta"/>
      <sheetName val="A3.3_F431"/>
      <sheetName val="CreditiCli4.2"/>
      <sheetName val="pEA.1.4"/>
      <sheetName val="pEA.1.5"/>
      <sheetName val="pEA.1.5_ENG"/>
      <sheetName val="variaz"/>
      <sheetName val="E A.1.2"/>
      <sheetName val="dinamica"/>
      <sheetName val="E A.1.7"/>
      <sheetName val="E A.1.9"/>
      <sheetName val="Str.fina1.2v2"/>
      <sheetName val="SbilInterbancario"/>
      <sheetName val="A.4.5.1"/>
      <sheetName val="A.4.5.2"/>
      <sheetName val="A.4.5.3"/>
      <sheetName val="A.4.1a new"/>
      <sheetName val="A.4.1anewV"/>
      <sheetName val="A.4.1b new"/>
      <sheetName val="A.4.1bnewV"/>
      <sheetName val="A.4.5.4"/>
      <sheetName val="Patrimonio Netto"/>
      <sheetName val="RIEPILOGO"/>
      <sheetName val="F B2.3"/>
      <sheetName val="Rischio sovrano "/>
      <sheetName val="IBORr2"/>
      <sheetName val="IBOR_eng"/>
      <sheetName val="H1"/>
      <sheetName val="H2ab"/>
      <sheetName val="SAP"/>
      <sheetName val="canoneDTA"/>
      <sheetName val="Bolli"/>
      <sheetName val="Oneri Ristrutt"/>
      <sheetName val="AltroECO"/>
      <sheetName val="A2.1"/>
      <sheetName val="A2.3"/>
      <sheetName val="A2.5"/>
      <sheetName val="A3.1"/>
      <sheetName val="A4.4"/>
      <sheetName val="A5.1"/>
      <sheetName val="A9.3"/>
      <sheetName val="A9.4"/>
      <sheetName val="A12.1"/>
      <sheetName val="P2.1"/>
      <sheetName val="P3.1"/>
      <sheetName val="P4.1"/>
      <sheetName val="pet_fond"/>
      <sheetName val="C9"/>
      <sheetName val="C12"/>
      <sheetName val="C12_5"/>
      <sheetName val="C14"/>
      <sheetName val="C15"/>
      <sheetName val="Calcolo ROE-ROTE"/>
      <sheetName val="Riconcil_CE_ac"/>
      <sheetName val="Riconcil_CE_ap"/>
      <sheetName val="Riconcil_CE_ac_ENG"/>
      <sheetName val="Riconcil_CE_AP_ENG"/>
      <sheetName val="Riconcil_SP_att_ac"/>
      <sheetName val="Riconcil_SP_pass_ac"/>
      <sheetName val="Riconcil_SP_att_ac_ENG"/>
      <sheetName val="Riconcil_SP_pass_ac_ENG"/>
      <sheetName val="Riconcil_SP_att_ap"/>
      <sheetName val="Riconcil_SP_pass_ap"/>
      <sheetName val="Riconcil_SP_att_ap_ENG"/>
      <sheetName val="Riconcil_SP_pass_ap_ENG"/>
    </sheetNames>
    <sheetDataSet>
      <sheetData sheetId="0" refreshError="1"/>
      <sheetData sheetId="1">
        <row r="4">
          <cell r="B4">
            <v>44651</v>
          </cell>
          <cell r="C4">
            <v>44742</v>
          </cell>
          <cell r="D4">
            <v>44834</v>
          </cell>
          <cell r="E4">
            <v>44926</v>
          </cell>
        </row>
        <row r="7">
          <cell r="B7">
            <v>44286</v>
          </cell>
          <cell r="C7">
            <v>44377</v>
          </cell>
          <cell r="D7">
            <v>44469</v>
          </cell>
          <cell r="E7">
            <v>44561</v>
          </cell>
        </row>
        <row r="14">
          <cell r="B14">
            <v>44651</v>
          </cell>
          <cell r="C14" t="str">
            <v>1°Q 2022</v>
          </cell>
          <cell r="F14">
            <v>2022</v>
          </cell>
        </row>
        <row r="15">
          <cell r="B15">
            <v>44561</v>
          </cell>
          <cell r="C15" t="str">
            <v>4°Q 2021</v>
          </cell>
        </row>
        <row r="16">
          <cell r="B16" t="str">
            <v>30/06/21</v>
          </cell>
        </row>
        <row r="17">
          <cell r="B17">
            <v>44561</v>
          </cell>
        </row>
        <row r="18">
          <cell r="B18">
            <v>44286</v>
          </cell>
          <cell r="C18" t="str">
            <v>1°Q 2021</v>
          </cell>
          <cell r="F18">
            <v>2021</v>
          </cell>
        </row>
        <row r="41">
          <cell r="E41" t="str">
            <v>1°Q 2021</v>
          </cell>
        </row>
        <row r="42">
          <cell r="E42" t="str">
            <v>2°Q 2021</v>
          </cell>
        </row>
        <row r="43">
          <cell r="E43" t="str">
            <v>3°Q 2021</v>
          </cell>
        </row>
        <row r="44">
          <cell r="E44" t="str">
            <v>4°Q 2021</v>
          </cell>
        </row>
        <row r="45">
          <cell r="E45" t="str">
            <v>1°Q 2022</v>
          </cell>
        </row>
        <row r="46">
          <cell r="E46" t="str">
            <v>2°Q 2022</v>
          </cell>
        </row>
        <row r="47">
          <cell r="E47" t="str">
            <v>3°Q 2022</v>
          </cell>
        </row>
        <row r="48">
          <cell r="E48" t="str">
            <v>4°Q 2022</v>
          </cell>
        </row>
        <row r="64">
          <cell r="A64" t="str">
            <v xml:space="preserve">Accantonamento per chiusura filiali </v>
          </cell>
          <cell r="C64" t="str">
            <v>ACCCHIFI</v>
          </cell>
        </row>
        <row r="65">
          <cell r="A65" t="str">
            <v>Effetti economici dell'allocazione del costo di acquisizione BAV in BMPS (PPA)</v>
          </cell>
          <cell r="B65" t="str">
            <v>Economic effects from allocation of BAV acquisition costs to BMPS (PPA)</v>
          </cell>
          <cell r="C65" t="str">
            <v>PPABMPS</v>
          </cell>
        </row>
        <row r="66">
          <cell r="A66" t="str">
            <v>Effetti economici dell'allocazione del costo di acquisizione BAV in MPS Immobiliare (PPA ex Bav Immobiliare)</v>
          </cell>
          <cell r="B66" t="str">
            <v>Economic effects from allocation of BAV acquisition costs to MPS IMMOBILIARE (PPA ex BAV Real Estate)</v>
          </cell>
          <cell r="C66" t="str">
            <v>PPABAVIMM</v>
          </cell>
        </row>
        <row r="67">
          <cell r="A67" t="str">
            <v>Effetti economici dell'allocazione del costo di acquisizione di BAV (PPA)</v>
          </cell>
          <cell r="B67" t="str">
            <v>Economic effects from allocation of BAV acquisition costs (PPA)</v>
          </cell>
          <cell r="C67" t="str">
            <v>PPABAV</v>
          </cell>
        </row>
        <row r="68">
          <cell r="A68" t="str">
            <v>Effetti economici dell'allocazione del costo di acquisizione di Biver Banca (PPA)</v>
          </cell>
          <cell r="C68" t="str">
            <v>PPABIVER</v>
          </cell>
        </row>
        <row r="69">
          <cell r="A69" t="str">
            <v>Effetto restatement</v>
          </cell>
          <cell r="C69" t="str">
            <v>EFFREST</v>
          </cell>
        </row>
        <row r="70">
          <cell r="A70" t="str">
            <v>IAS 19</v>
          </cell>
          <cell r="C70" t="str">
            <v>IAS19</v>
          </cell>
        </row>
        <row r="71">
          <cell r="A71" t="str">
            <v>IFRS5
Biverbanca</v>
          </cell>
          <cell r="C71" t="str">
            <v>IFRS5BIVER</v>
          </cell>
        </row>
        <row r="72">
          <cell r="A72" t="str">
            <v>Impairment avviamenti, intangibili e svalutazione partecipazione AM Holding</v>
          </cell>
          <cell r="B72" t="str">
            <v>Impairment of goodwill, intangibles and writedown of investment in AM Holding</v>
          </cell>
          <cell r="C72" t="str">
            <v>IMP</v>
          </cell>
        </row>
        <row r="73">
          <cell r="A73" t="str">
            <v>Oneri di ristrutturazione</v>
          </cell>
          <cell r="C73" t="str">
            <v>ONERISTR</v>
          </cell>
        </row>
        <row r="74">
          <cell r="A74" t="str">
            <v>Oneri Ristrutturazione (Esodo Personale)</v>
          </cell>
          <cell r="C74" t="str">
            <v>ONERISTRPERS</v>
          </cell>
        </row>
        <row r="75">
          <cell r="A75" t="str">
            <v>Oneri Ristrutturazione (Chiusura Filiali)</v>
          </cell>
          <cell r="C75" t="str">
            <v>ONERISTRFIL</v>
          </cell>
        </row>
        <row r="76">
          <cell r="A76" t="str">
            <v>Recuperi delle imposte di bollo e recuperi spesa su clientela</v>
          </cell>
          <cell r="B76" t="str">
            <v>Recovery of stamp duty and customers’ expenses</v>
          </cell>
          <cell r="C76" t="str">
            <v>RECBOLLI</v>
          </cell>
        </row>
        <row r="77">
          <cell r="A77" t="str">
            <v>Restatement IAS11</v>
          </cell>
          <cell r="C77" t="str">
            <v>RESTIAS11</v>
          </cell>
        </row>
        <row r="78">
          <cell r="A78" t="str">
            <v>Restatement IFRS10/11 - IAS 32</v>
          </cell>
          <cell r="C78" t="str">
            <v>RESTIAS32</v>
          </cell>
        </row>
        <row r="79">
          <cell r="A79" t="str">
            <v>Riclassifica degli oneri relativi a Piani Finanziari</v>
          </cell>
          <cell r="B79" t="str">
            <v>Costs relating to financial plans</v>
          </cell>
          <cell r="C79" t="str">
            <v>PIANIFIN</v>
          </cell>
        </row>
        <row r="80">
          <cell r="A80" t="str">
            <v>Riclassifica dei dividendi afferenti ad operazioni su titoli di proprietà</v>
          </cell>
          <cell r="B80" t="str">
            <v>Reclassification of dividends on treasury stock transactions</v>
          </cell>
          <cell r="C80" t="str">
            <v>DIVPROP</v>
          </cell>
        </row>
        <row r="81">
          <cell r="A81" t="str">
            <v>Riclassifica delle perdite derivanti da cessione di crediti (Consum.it)</v>
          </cell>
          <cell r="B81" t="str">
            <v>Reclassification of losses arising from disposal of loans (Consum.it)</v>
          </cell>
          <cell r="C81" t="str">
            <v>CONSUMIT</v>
          </cell>
        </row>
        <row r="82">
          <cell r="A82" t="str">
            <v>Riclassifica per Impairment su Titolo "Repubblica Greca" classificato L&amp;R</v>
          </cell>
          <cell r="C82" t="str">
            <v>IMPAIRLAR</v>
          </cell>
        </row>
        <row r="83">
          <cell r="A83" t="str">
            <v>Riclassifica quota parte Utile delle Partecipazioni</v>
          </cell>
          <cell r="B83" t="str">
            <v>Portion of profit from equity investments</v>
          </cell>
          <cell r="C83" t="str">
            <v>UTPART</v>
          </cell>
        </row>
        <row r="84">
          <cell r="A84" t="str">
            <v>Riclassifica SAACA - Fruendo</v>
          </cell>
          <cell r="C84" t="str">
            <v>SAACA</v>
          </cell>
        </row>
        <row r="85">
          <cell r="A85" t="str">
            <v xml:space="preserve">Riclassifica spese del personale relative agli oneri per esodo incentivato </v>
          </cell>
          <cell r="B85" t="str">
            <v>Reclassification of personnel expenses: early retirement charges</v>
          </cell>
          <cell r="C85" t="str">
            <v>ESODO</v>
          </cell>
        </row>
        <row r="86">
          <cell r="A86" t="str">
            <v>Riclassifica Titoli LAR nelle attività Finanziarie</v>
          </cell>
          <cell r="B86" t="str">
            <v>Reclassification of L&amp;R securities to Financial Assets.</v>
          </cell>
          <cell r="C86" t="str">
            <v>ATTFINLAR</v>
          </cell>
        </row>
        <row r="87">
          <cell r="A87" t="str">
            <v>Saldo Contabile</v>
          </cell>
          <cell r="B87" t="str">
            <v>Accounting</v>
          </cell>
          <cell r="C87" t="str">
            <v>SBILCONT</v>
          </cell>
        </row>
        <row r="88">
          <cell r="A88" t="str">
            <v>Saldo Contabile ORIGINARIO</v>
          </cell>
          <cell r="C88" t="str">
            <v>SBILCONTORIG</v>
          </cell>
        </row>
        <row r="89">
          <cell r="A89" t="str">
            <v>Riclassifica IFRS5 Belgio</v>
          </cell>
          <cell r="C89" t="str">
            <v>IFRS5BELGIO</v>
          </cell>
        </row>
        <row r="90">
          <cell r="A90" t="str">
            <v>Saldo 
Riclassificato</v>
          </cell>
          <cell r="B90" t="str">
            <v>Reclassified</v>
          </cell>
          <cell r="C90" t="str">
            <v>SBILGEST</v>
          </cell>
        </row>
        <row r="91">
          <cell r="A91" t="str">
            <v>Impairment avviamenti e intangibili</v>
          </cell>
          <cell r="B91" t="str">
            <v>Impairment of goodwill, intangibles</v>
          </cell>
          <cell r="C91" t="str">
            <v>IMPAVVINT</v>
          </cell>
        </row>
        <row r="92">
          <cell r="A92" t="str">
            <v xml:space="preserve">Canone DTA
</v>
          </cell>
          <cell r="C92" t="str">
            <v>DTA</v>
          </cell>
        </row>
        <row r="93">
          <cell r="A93" t="str">
            <v>Utili/perdite da modifiche contrattuali senza cancellazioni</v>
          </cell>
          <cell r="C93" t="str">
            <v>MODCONTRNOCANC</v>
          </cell>
        </row>
        <row r="94">
          <cell r="A94" t="str">
            <v>Totale Riclassifiche</v>
          </cell>
          <cell r="C94" t="str">
            <v>TOTRICL</v>
          </cell>
        </row>
        <row r="95">
          <cell r="A95" t="str">
            <v>Restatement Nomura</v>
          </cell>
          <cell r="C95" t="str">
            <v>RESTNOM</v>
          </cell>
        </row>
        <row r="96">
          <cell r="A96" t="str">
            <v>Riclassifica accantonamento ai fondi BRRD e DGSD</v>
          </cell>
          <cell r="C96" t="str">
            <v>ACCFONDI</v>
          </cell>
        </row>
        <row r="97">
          <cell r="A97" t="str">
            <v>Oneri Operazione di Cartolarizzazione, Ricapitalizzazione e Commitment</v>
          </cell>
          <cell r="C97" t="str">
            <v>ONERIOPERAZ</v>
          </cell>
        </row>
        <row r="98">
          <cell r="A98" t="str">
            <v>FV immobili - IAS16</v>
          </cell>
          <cell r="C98" t="str">
            <v>IAS16</v>
          </cell>
        </row>
      </sheetData>
      <sheetData sheetId="2"/>
      <sheetData sheetId="3"/>
      <sheetData sheetId="4"/>
      <sheetData sheetId="5"/>
      <sheetData sheetId="6" refreshError="1"/>
      <sheetData sheetId="7" refreshError="1"/>
      <sheetData sheetId="8" refreshError="1"/>
      <sheetData sheetId="9"/>
      <sheetData sheetId="10" refreshError="1"/>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sheetData sheetId="37" refreshError="1"/>
      <sheetData sheetId="38" refreshError="1"/>
      <sheetData sheetId="39"/>
      <sheetData sheetId="40"/>
      <sheetData sheetId="41" refreshError="1"/>
      <sheetData sheetId="42" refreshError="1"/>
      <sheetData sheetId="43" refreshError="1"/>
      <sheetData sheetId="44"/>
      <sheetData sheetId="45"/>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CI"/>
      <sheetName val="SPEEDY EST"/>
      <sheetName val="ACN"/>
      <sheetName val="TDB_Focus Commissioni"/>
      <sheetName val="gestito"/>
      <sheetName val="amministrato"/>
      <sheetName val="INPUT"/>
      <sheetName val="SCENARIO"/>
      <sheetName val="MAPQ"/>
      <sheetName val="MAPP"/>
      <sheetName val="masse"/>
      <sheetName val="OUTPUT"/>
      <sheetName val="RAF15-18"/>
      <sheetName val="flussi cdg"/>
      <sheetName val="A&amp;P"/>
      <sheetName val="accordato"/>
      <sheetName val="collega"/>
      <sheetName val="cfr RAF"/>
      <sheetName val="F(x)"/>
    </sheetNames>
    <sheetDataSet>
      <sheetData sheetId="0">
        <row r="3">
          <cell r="B3" t="str">
            <v>TOT</v>
          </cell>
        </row>
        <row r="4">
          <cell r="B4" t="str">
            <v>Val</v>
          </cell>
        </row>
        <row r="5">
          <cell r="B5" t="str">
            <v>Pre</v>
          </cell>
        </row>
        <row r="6">
          <cell r="B6" t="str">
            <v>Sma</v>
          </cell>
        </row>
        <row r="7">
          <cell r="B7" t="str">
            <v>Pri</v>
          </cell>
        </row>
        <row r="8">
          <cell r="B8" t="str">
            <v>Fam</v>
          </cell>
        </row>
        <row r="9">
          <cell r="B9" t="str">
            <v>PMI</v>
          </cell>
        </row>
        <row r="10">
          <cell r="B10" t="str">
            <v>ENT</v>
          </cell>
        </row>
        <row r="11">
          <cell r="B11" t="str">
            <v>Cor</v>
          </cell>
        </row>
        <row r="12">
          <cell r="B12" t="str">
            <v>Gra</v>
          </cell>
        </row>
        <row r="13">
          <cell r="B13" t="str">
            <v>FEX</v>
          </cell>
        </row>
        <row r="14">
          <cell r="B14" t="str">
            <v>MCL</v>
          </cell>
        </row>
        <row r="15">
          <cell r="B15" t="str">
            <v>MCG</v>
          </cell>
        </row>
        <row r="16">
          <cell r="B16" t="str">
            <v>MLE</v>
          </cell>
        </row>
        <row r="17">
          <cell r="B17" t="str">
            <v>MFA</v>
          </cell>
        </row>
        <row r="18">
          <cell r="B18" t="str">
            <v>MBQ</v>
          </cell>
        </row>
        <row r="19">
          <cell r="B19" t="str">
            <v>MBG</v>
          </cell>
        </row>
        <row r="20">
          <cell r="B20" t="str">
            <v>WID</v>
          </cell>
        </row>
        <row r="21">
          <cell r="B21" t="str">
            <v>FIN</v>
          </cell>
        </row>
        <row r="22">
          <cell r="B22" t="str">
            <v>ALM</v>
          </cell>
        </row>
        <row r="23">
          <cell r="B23" t="str">
            <v>FUO</v>
          </cell>
        </row>
        <row r="24">
          <cell r="B24" t="str">
            <v>XXX</v>
          </cell>
        </row>
      </sheetData>
      <sheetData sheetId="1">
        <row r="44">
          <cell r="E44">
            <v>3900.0241002764596</v>
          </cell>
        </row>
      </sheetData>
      <sheetData sheetId="2"/>
      <sheetData sheetId="3"/>
      <sheetData sheetId="4"/>
      <sheetData sheetId="5"/>
      <sheetData sheetId="6"/>
      <sheetData sheetId="7">
        <row r="1">
          <cell r="E1" t="str">
            <v>FLUSSI</v>
          </cell>
        </row>
      </sheetData>
      <sheetData sheetId="8">
        <row r="4">
          <cell r="AD4" t="str">
            <v>SCENARIO FLUSSI - var yoy</v>
          </cell>
          <cell r="AE4">
            <v>0</v>
          </cell>
          <cell r="AF4">
            <v>0</v>
          </cell>
          <cell r="AG4">
            <v>0</v>
          </cell>
          <cell r="AH4">
            <v>0</v>
          </cell>
          <cell r="AI4">
            <v>0</v>
          </cell>
          <cell r="AJ4">
            <v>0</v>
          </cell>
        </row>
        <row r="5">
          <cell r="AD5">
            <v>2015</v>
          </cell>
          <cell r="AE5" t="str">
            <v>2016 Q1</v>
          </cell>
          <cell r="AF5" t="str">
            <v>2016 Q2</v>
          </cell>
          <cell r="AG5">
            <v>2016</v>
          </cell>
          <cell r="AH5">
            <v>2017</v>
          </cell>
          <cell r="AI5">
            <v>2018</v>
          </cell>
          <cell r="AJ5">
            <v>2019</v>
          </cell>
        </row>
        <row r="6">
          <cell r="AD6">
            <v>0</v>
          </cell>
          <cell r="AE6">
            <v>0</v>
          </cell>
          <cell r="AF6">
            <v>0</v>
          </cell>
          <cell r="AG6">
            <v>0</v>
          </cell>
          <cell r="AH6">
            <v>0</v>
          </cell>
          <cell r="AI6">
            <v>0</v>
          </cell>
          <cell r="AJ6">
            <v>0</v>
          </cell>
        </row>
        <row r="7">
          <cell r="AD7">
            <v>0</v>
          </cell>
          <cell r="AE7">
            <v>0</v>
          </cell>
          <cell r="AF7">
            <v>0</v>
          </cell>
          <cell r="AG7">
            <v>0</v>
          </cell>
          <cell r="AH7">
            <v>0</v>
          </cell>
          <cell r="AI7">
            <v>0</v>
          </cell>
          <cell r="AJ7">
            <v>0</v>
          </cell>
        </row>
        <row r="8">
          <cell r="AD8">
            <v>0</v>
          </cell>
          <cell r="AE8">
            <v>0</v>
          </cell>
          <cell r="AF8">
            <v>0</v>
          </cell>
          <cell r="AG8">
            <v>0.1100000000000001</v>
          </cell>
          <cell r="AH8">
            <v>0.12000000000000011</v>
          </cell>
          <cell r="AI8">
            <v>0.12999999999999967</v>
          </cell>
          <cell r="AJ8">
            <v>0.14000000000000012</v>
          </cell>
        </row>
        <row r="9">
          <cell r="AD9">
            <v>0</v>
          </cell>
          <cell r="AE9">
            <v>0</v>
          </cell>
          <cell r="AF9">
            <v>0</v>
          </cell>
          <cell r="AG9">
            <v>0.10000000000000009</v>
          </cell>
          <cell r="AH9">
            <v>0.1100000000000001</v>
          </cell>
          <cell r="AI9">
            <v>0.12000000000000011</v>
          </cell>
          <cell r="AJ9">
            <v>0.12999999999999989</v>
          </cell>
        </row>
        <row r="10">
          <cell r="AD10">
            <v>0</v>
          </cell>
          <cell r="AE10">
            <v>0</v>
          </cell>
          <cell r="AF10">
            <v>0</v>
          </cell>
          <cell r="AG10">
            <v>9.000000000000008E-2</v>
          </cell>
          <cell r="AH10">
            <v>0.10000000000000009</v>
          </cell>
          <cell r="AI10">
            <v>0.10999999999999988</v>
          </cell>
          <cell r="AJ10">
            <v>0.11999999999999988</v>
          </cell>
        </row>
        <row r="11">
          <cell r="AD11">
            <v>0</v>
          </cell>
          <cell r="AE11">
            <v>0</v>
          </cell>
          <cell r="AF11">
            <v>0</v>
          </cell>
          <cell r="AG11">
            <v>5.0000000000000044E-2</v>
          </cell>
          <cell r="AH11">
            <v>6.0000000000000053E-2</v>
          </cell>
          <cell r="AI11">
            <v>7.0000000000000062E-2</v>
          </cell>
          <cell r="AJ11">
            <v>8.0000000000000071E-2</v>
          </cell>
        </row>
        <row r="12">
          <cell r="AD12">
            <v>0</v>
          </cell>
          <cell r="AE12">
            <v>0</v>
          </cell>
          <cell r="AF12">
            <v>0</v>
          </cell>
          <cell r="AG12">
            <v>0</v>
          </cell>
          <cell r="AH12">
            <v>1.0000000000000009E-2</v>
          </cell>
          <cell r="AI12">
            <v>2.0000000000000018E-2</v>
          </cell>
          <cell r="AJ12">
            <v>3.0000000000000027E-2</v>
          </cell>
        </row>
        <row r="14">
          <cell r="AD14">
            <v>0</v>
          </cell>
          <cell r="AE14">
            <v>0</v>
          </cell>
          <cell r="AF14">
            <v>0</v>
          </cell>
          <cell r="AG14">
            <v>5.0000000000000044E-2</v>
          </cell>
          <cell r="AH14">
            <v>6.0000000000000053E-2</v>
          </cell>
          <cell r="AI14">
            <v>7.0000000000000062E-2</v>
          </cell>
          <cell r="AJ14">
            <v>8.0000000000000071E-2</v>
          </cell>
        </row>
        <row r="15">
          <cell r="AD15">
            <v>0</v>
          </cell>
          <cell r="AE15">
            <v>0</v>
          </cell>
          <cell r="AF15">
            <v>0</v>
          </cell>
          <cell r="AG15">
            <v>5.0000000000000044E-2</v>
          </cell>
          <cell r="AH15">
            <v>6.0000000000000053E-2</v>
          </cell>
          <cell r="AI15">
            <v>7.0000000000000062E-2</v>
          </cell>
          <cell r="AJ15">
            <v>8.0000000000000071E-2</v>
          </cell>
        </row>
        <row r="16">
          <cell r="AD16">
            <v>0</v>
          </cell>
          <cell r="AE16">
            <v>0</v>
          </cell>
          <cell r="AF16">
            <v>0</v>
          </cell>
          <cell r="AG16">
            <v>0.10000000000000009</v>
          </cell>
          <cell r="AH16">
            <v>0.1100000000000001</v>
          </cell>
          <cell r="AI16">
            <v>0.12000000000000011</v>
          </cell>
          <cell r="AJ16">
            <v>0.12999999999999989</v>
          </cell>
        </row>
        <row r="19">
          <cell r="V19" t="str">
            <v>FLUSSI - PROIEZIONE EFFETTIVA</v>
          </cell>
          <cell r="W19">
            <v>0</v>
          </cell>
          <cell r="X19">
            <v>0</v>
          </cell>
          <cell r="Y19">
            <v>0</v>
          </cell>
          <cell r="Z19">
            <v>0</v>
          </cell>
          <cell r="AA19">
            <v>0</v>
          </cell>
          <cell r="AB19">
            <v>0</v>
          </cell>
        </row>
        <row r="20">
          <cell r="V20">
            <v>42369</v>
          </cell>
          <cell r="W20">
            <v>42460</v>
          </cell>
          <cell r="X20">
            <v>42551</v>
          </cell>
          <cell r="Y20">
            <v>42735</v>
          </cell>
          <cell r="Z20">
            <v>43100</v>
          </cell>
          <cell r="AA20">
            <v>43465</v>
          </cell>
          <cell r="AB20">
            <v>43830</v>
          </cell>
        </row>
        <row r="21">
          <cell r="V21">
            <v>2015</v>
          </cell>
          <cell r="W21" t="str">
            <v>2016 Q1</v>
          </cell>
          <cell r="X21" t="str">
            <v>2016 Q2</v>
          </cell>
          <cell r="Y21">
            <v>2016</v>
          </cell>
          <cell r="Z21">
            <v>2017</v>
          </cell>
          <cell r="AA21">
            <v>2018</v>
          </cell>
          <cell r="AB21">
            <v>2019</v>
          </cell>
        </row>
        <row r="22">
          <cell r="A22" t="str">
            <v>Val_tradizionali_FL</v>
          </cell>
          <cell r="V22">
            <v>86.345476510000012</v>
          </cell>
          <cell r="W22">
            <v>60.967420449999999</v>
          </cell>
          <cell r="X22">
            <v>104.48856232000001</v>
          </cell>
          <cell r="Y22">
            <v>182.90226135</v>
          </cell>
          <cell r="Z22">
            <v>107.34469639723203</v>
          </cell>
          <cell r="AA22">
            <v>121.29950692887216</v>
          </cell>
          <cell r="AB22">
            <v>138.28143789891428</v>
          </cell>
        </row>
        <row r="23">
          <cell r="A23" t="str">
            <v>Pre_tradizionali_FL</v>
          </cell>
          <cell r="V23">
            <v>296.30699456000008</v>
          </cell>
          <cell r="W23">
            <v>363.00380399000005</v>
          </cell>
          <cell r="X23">
            <v>549.30980205000003</v>
          </cell>
          <cell r="Y23">
            <v>1089.0114119700002</v>
          </cell>
          <cell r="Z23">
            <v>368.36885563699212</v>
          </cell>
          <cell r="AA23">
            <v>416.25680686980098</v>
          </cell>
          <cell r="AB23">
            <v>474.53275983157317</v>
          </cell>
        </row>
        <row r="24">
          <cell r="A24" t="str">
            <v>Sma_tradizionali_FL</v>
          </cell>
          <cell r="V24">
            <v>85.258455310000002</v>
          </cell>
          <cell r="W24">
            <v>27.742188029999998</v>
          </cell>
          <cell r="X24">
            <v>49.592960399999988</v>
          </cell>
          <cell r="Y24">
            <v>83.226564089999997</v>
          </cell>
          <cell r="Z24">
            <v>105.99331164139201</v>
          </cell>
          <cell r="AA24">
            <v>119.77244215477293</v>
          </cell>
          <cell r="AB24">
            <v>136.54058405644116</v>
          </cell>
        </row>
        <row r="25">
          <cell r="A25" t="str">
            <v>Pri_tradizionali_FL</v>
          </cell>
          <cell r="V25">
            <v>151.49553062000001</v>
          </cell>
          <cell r="W25">
            <v>113.91977475</v>
          </cell>
          <cell r="X25">
            <v>162.78613393999998</v>
          </cell>
          <cell r="Y25">
            <v>341.75932425000002</v>
          </cell>
          <cell r="Z25">
            <v>188.33924366678406</v>
          </cell>
          <cell r="AA25">
            <v>212.82334534346592</v>
          </cell>
          <cell r="AB25">
            <v>242.61861369155116</v>
          </cell>
        </row>
        <row r="26">
          <cell r="A26" t="str">
            <v>Fam_tradizionali_FL</v>
          </cell>
          <cell r="V26">
            <v>0</v>
          </cell>
          <cell r="W26">
            <v>0</v>
          </cell>
          <cell r="X26">
            <v>0</v>
          </cell>
          <cell r="Y26">
            <v>0</v>
          </cell>
          <cell r="Z26">
            <v>0</v>
          </cell>
          <cell r="AA26">
            <v>0</v>
          </cell>
          <cell r="AB26">
            <v>0</v>
          </cell>
        </row>
        <row r="27">
          <cell r="A27" t="str">
            <v>PMI_tradizionali_FL</v>
          </cell>
          <cell r="V27">
            <v>15.04288268</v>
          </cell>
          <cell r="W27">
            <v>24.517617229999999</v>
          </cell>
          <cell r="X27">
            <v>39.288788109999999</v>
          </cell>
          <cell r="Y27">
            <v>73.552851689999997</v>
          </cell>
          <cell r="Z27">
            <v>18.701311747776003</v>
          </cell>
          <cell r="AA27">
            <v>21.132482274986877</v>
          </cell>
          <cell r="AB27">
            <v>24.091029793485042</v>
          </cell>
        </row>
        <row r="28">
          <cell r="A28" t="str">
            <v>ENT_tradizionali_FL</v>
          </cell>
          <cell r="V28">
            <v>21.491257029999996</v>
          </cell>
          <cell r="W28">
            <v>3.0091999999999999</v>
          </cell>
          <cell r="X28">
            <v>11.751899999999999</v>
          </cell>
          <cell r="Y28">
            <v>9.0275999999999996</v>
          </cell>
          <cell r="Z28">
            <v>26.717930739695998</v>
          </cell>
          <cell r="AA28">
            <v>30.191261735856468</v>
          </cell>
          <cell r="AB28">
            <v>34.418038378876375</v>
          </cell>
        </row>
        <row r="29">
          <cell r="A29" t="str">
            <v>Cor_tradizionali_FL</v>
          </cell>
          <cell r="V29">
            <v>0.18514276000000002</v>
          </cell>
          <cell r="W29">
            <v>2.9104320000000001</v>
          </cell>
          <cell r="X29">
            <v>28.260681999999999</v>
          </cell>
          <cell r="Y29">
            <v>8.7312960000000004</v>
          </cell>
          <cell r="Z29">
            <v>0.23016947923200004</v>
          </cell>
          <cell r="AA29">
            <v>0.26009151153215998</v>
          </cell>
          <cell r="AB29">
            <v>0.29650432314666242</v>
          </cell>
        </row>
        <row r="30">
          <cell r="A30" t="str">
            <v>Gra_tradizionali_FL</v>
          </cell>
          <cell r="V30">
            <v>0</v>
          </cell>
          <cell r="W30">
            <v>0</v>
          </cell>
          <cell r="X30">
            <v>0</v>
          </cell>
          <cell r="Y30">
            <v>0</v>
          </cell>
          <cell r="Z30">
            <v>0</v>
          </cell>
          <cell r="AA30">
            <v>0</v>
          </cell>
          <cell r="AB30">
            <v>0</v>
          </cell>
        </row>
        <row r="31">
          <cell r="A31" t="str">
            <v>FEX_tradizionali_FL</v>
          </cell>
          <cell r="V31">
            <v>0</v>
          </cell>
          <cell r="W31">
            <v>0</v>
          </cell>
          <cell r="X31">
            <v>0</v>
          </cell>
          <cell r="Y31">
            <v>0</v>
          </cell>
          <cell r="Z31">
            <v>0</v>
          </cell>
          <cell r="AA31">
            <v>0</v>
          </cell>
          <cell r="AB31">
            <v>0</v>
          </cell>
        </row>
        <row r="32">
          <cell r="A32" t="str">
            <v>MCL_tradizionali_FL</v>
          </cell>
          <cell r="V32">
            <v>0</v>
          </cell>
          <cell r="W32">
            <v>0</v>
          </cell>
          <cell r="X32">
            <v>0</v>
          </cell>
          <cell r="Y32">
            <v>0</v>
          </cell>
          <cell r="Z32">
            <v>0</v>
          </cell>
          <cell r="AA32">
            <v>0</v>
          </cell>
          <cell r="AB32">
            <v>0</v>
          </cell>
        </row>
        <row r="33">
          <cell r="A33" t="str">
            <v>MCG_tradizionali_FL</v>
          </cell>
          <cell r="V33">
            <v>0</v>
          </cell>
          <cell r="W33">
            <v>0</v>
          </cell>
          <cell r="X33">
            <v>0</v>
          </cell>
          <cell r="Y33">
            <v>0</v>
          </cell>
          <cell r="Z33">
            <v>0</v>
          </cell>
          <cell r="AA33">
            <v>0</v>
          </cell>
          <cell r="AB33">
            <v>0</v>
          </cell>
        </row>
        <row r="34">
          <cell r="A34" t="str">
            <v>MLE_tradizionali_FL</v>
          </cell>
          <cell r="V34">
            <v>0</v>
          </cell>
          <cell r="W34">
            <v>0</v>
          </cell>
          <cell r="X34">
            <v>0</v>
          </cell>
          <cell r="Y34">
            <v>0</v>
          </cell>
          <cell r="Z34">
            <v>0</v>
          </cell>
          <cell r="AA34">
            <v>0</v>
          </cell>
          <cell r="AB34">
            <v>0</v>
          </cell>
        </row>
        <row r="35">
          <cell r="A35" t="str">
            <v>MFA_tradizionali_FL</v>
          </cell>
          <cell r="V35">
            <v>0</v>
          </cell>
          <cell r="W35">
            <v>0</v>
          </cell>
          <cell r="X35">
            <v>0</v>
          </cell>
          <cell r="Y35">
            <v>0</v>
          </cell>
          <cell r="Z35">
            <v>0</v>
          </cell>
          <cell r="AA35">
            <v>0</v>
          </cell>
          <cell r="AB35">
            <v>0</v>
          </cell>
        </row>
        <row r="36">
          <cell r="A36" t="str">
            <v>MBQ_tradizionali_FL</v>
          </cell>
          <cell r="V36">
            <v>0</v>
          </cell>
          <cell r="W36">
            <v>0</v>
          </cell>
          <cell r="X36">
            <v>0</v>
          </cell>
          <cell r="Y36">
            <v>0</v>
          </cell>
          <cell r="Z36">
            <v>0</v>
          </cell>
          <cell r="AA36">
            <v>0</v>
          </cell>
          <cell r="AB36">
            <v>0</v>
          </cell>
        </row>
        <row r="37">
          <cell r="A37" t="str">
            <v>MBG_tradizionali_FL</v>
          </cell>
          <cell r="V37">
            <v>0</v>
          </cell>
          <cell r="W37">
            <v>0</v>
          </cell>
          <cell r="X37">
            <v>0</v>
          </cell>
          <cell r="Y37">
            <v>0</v>
          </cell>
          <cell r="Z37">
            <v>0</v>
          </cell>
          <cell r="AA37">
            <v>0</v>
          </cell>
          <cell r="AB37">
            <v>0</v>
          </cell>
        </row>
        <row r="38">
          <cell r="A38" t="str">
            <v>WID_tradizionali_FL</v>
          </cell>
          <cell r="V38">
            <v>14.066336</v>
          </cell>
          <cell r="W38">
            <v>8.0297809999999998</v>
          </cell>
          <cell r="X38">
            <v>11.605426999999999</v>
          </cell>
          <cell r="Y38">
            <v>24.089343</v>
          </cell>
          <cell r="Z38">
            <v>17.487268915200001</v>
          </cell>
          <cell r="AA38">
            <v>19.760613874175995</v>
          </cell>
          <cell r="AB38">
            <v>22.527099816560636</v>
          </cell>
        </row>
        <row r="39">
          <cell r="A39" t="str">
            <v>FIN_tradizionali_FL</v>
          </cell>
          <cell r="V39">
            <v>0</v>
          </cell>
          <cell r="W39">
            <v>0</v>
          </cell>
          <cell r="X39">
            <v>0</v>
          </cell>
          <cell r="Y39">
            <v>0</v>
          </cell>
          <cell r="Z39">
            <v>0</v>
          </cell>
          <cell r="AA39">
            <v>0</v>
          </cell>
          <cell r="AB39">
            <v>0</v>
          </cell>
        </row>
        <row r="40">
          <cell r="A40" t="str">
            <v>ALM_tradizionali_FL</v>
          </cell>
          <cell r="V40">
            <v>0</v>
          </cell>
          <cell r="W40">
            <v>0</v>
          </cell>
          <cell r="X40">
            <v>0</v>
          </cell>
          <cell r="Y40">
            <v>0</v>
          </cell>
          <cell r="Z40">
            <v>0</v>
          </cell>
          <cell r="AA40">
            <v>0</v>
          </cell>
          <cell r="AB40">
            <v>0</v>
          </cell>
        </row>
        <row r="41">
          <cell r="A41" t="str">
            <v>FUO_tradizionali_FL</v>
          </cell>
          <cell r="V41">
            <v>0</v>
          </cell>
          <cell r="W41">
            <v>0</v>
          </cell>
          <cell r="X41">
            <v>0</v>
          </cell>
          <cell r="Y41">
            <v>0</v>
          </cell>
          <cell r="Z41">
            <v>0</v>
          </cell>
          <cell r="AA41">
            <v>0</v>
          </cell>
          <cell r="AB41">
            <v>0</v>
          </cell>
        </row>
        <row r="42">
          <cell r="A42" t="str">
            <v>XXX_tradizionali_FL</v>
          </cell>
          <cell r="V42">
            <v>0</v>
          </cell>
          <cell r="W42">
            <v>0</v>
          </cell>
          <cell r="X42">
            <v>0</v>
          </cell>
          <cell r="Y42">
            <v>0</v>
          </cell>
          <cell r="Z42">
            <v>0</v>
          </cell>
          <cell r="AA42">
            <v>0</v>
          </cell>
          <cell r="AB42">
            <v>0</v>
          </cell>
        </row>
        <row r="43">
          <cell r="A43" t="str">
            <v>TOT_tradizionali_FL</v>
          </cell>
          <cell r="V43">
            <v>670.19207547000008</v>
          </cell>
          <cell r="W43">
            <v>604.10021745000006</v>
          </cell>
          <cell r="X43">
            <v>957.08425582000007</v>
          </cell>
          <cell r="Y43">
            <v>1812.3006523500001</v>
          </cell>
          <cell r="Z43">
            <v>833.18278822430443</v>
          </cell>
          <cell r="AA43">
            <v>941.4965506934634</v>
          </cell>
          <cell r="AB43">
            <v>1073.3060677905482</v>
          </cell>
        </row>
        <row r="44">
          <cell r="A44" t="str">
            <v>Val_index_FL</v>
          </cell>
          <cell r="V44">
            <v>99.03895</v>
          </cell>
          <cell r="W44">
            <v>2.8151999999999999</v>
          </cell>
          <cell r="X44">
            <v>2.9807999999999999</v>
          </cell>
          <cell r="Y44">
            <v>109.93323450000001</v>
          </cell>
          <cell r="Z44">
            <v>123.12522264000002</v>
          </cell>
          <cell r="AA44">
            <v>139.13150158319999</v>
          </cell>
          <cell r="AB44">
            <v>158.609911804848</v>
          </cell>
        </row>
        <row r="45">
          <cell r="A45" t="str">
            <v>Pre_index_FL</v>
          </cell>
          <cell r="V45">
            <v>1351.8897999999999</v>
          </cell>
          <cell r="W45">
            <v>34.627400000000002</v>
          </cell>
          <cell r="X45">
            <v>38.799799999999998</v>
          </cell>
          <cell r="Y45">
            <v>1500.5976780000001</v>
          </cell>
          <cell r="Z45">
            <v>1680.6693993600002</v>
          </cell>
          <cell r="AA45">
            <v>1899.1564212767996</v>
          </cell>
          <cell r="AB45">
            <v>2165.0383202555518</v>
          </cell>
        </row>
        <row r="46">
          <cell r="A46" t="str">
            <v>Sma_index_FL</v>
          </cell>
          <cell r="V46">
            <v>124.07684999999999</v>
          </cell>
          <cell r="W46">
            <v>0.35799999999999998</v>
          </cell>
          <cell r="X46">
            <v>0.44700000000000001</v>
          </cell>
          <cell r="Y46">
            <v>137.7253035</v>
          </cell>
          <cell r="Z46">
            <v>154.25233992</v>
          </cell>
          <cell r="AA46">
            <v>174.30514410959995</v>
          </cell>
          <cell r="AB46">
            <v>198.70786428494395</v>
          </cell>
        </row>
        <row r="47">
          <cell r="A47" t="str">
            <v>Pri_index_FL</v>
          </cell>
          <cell r="V47">
            <v>17.035</v>
          </cell>
          <cell r="W47">
            <v>0.39500000000000002</v>
          </cell>
          <cell r="X47">
            <v>0.47499999999999998</v>
          </cell>
          <cell r="Y47">
            <v>18.908850000000001</v>
          </cell>
          <cell r="Z47">
            <v>21.177912000000003</v>
          </cell>
          <cell r="AA47">
            <v>23.931040559999996</v>
          </cell>
          <cell r="AB47">
            <v>27.2813862384</v>
          </cell>
        </row>
        <row r="48">
          <cell r="A48" t="str">
            <v>Fam_index_FL</v>
          </cell>
          <cell r="V48">
            <v>0</v>
          </cell>
          <cell r="W48">
            <v>0</v>
          </cell>
          <cell r="X48">
            <v>0</v>
          </cell>
          <cell r="Y48">
            <v>0</v>
          </cell>
          <cell r="Z48">
            <v>0</v>
          </cell>
          <cell r="AA48">
            <v>0</v>
          </cell>
          <cell r="AB48">
            <v>0</v>
          </cell>
        </row>
        <row r="49">
          <cell r="A49" t="str">
            <v>PMI_index_FL</v>
          </cell>
          <cell r="V49">
            <v>0.1</v>
          </cell>
          <cell r="W49">
            <v>0</v>
          </cell>
          <cell r="X49">
            <v>0</v>
          </cell>
          <cell r="Y49">
            <v>0.11100000000000002</v>
          </cell>
          <cell r="Z49">
            <v>0.12432000000000003</v>
          </cell>
          <cell r="AA49">
            <v>0.14048159999999998</v>
          </cell>
          <cell r="AB49">
            <v>0.160149024</v>
          </cell>
        </row>
        <row r="50">
          <cell r="A50" t="str">
            <v>ENT_index_FL</v>
          </cell>
          <cell r="V50">
            <v>0</v>
          </cell>
          <cell r="W50">
            <v>0</v>
          </cell>
          <cell r="X50">
            <v>0</v>
          </cell>
          <cell r="Y50">
            <v>0</v>
          </cell>
          <cell r="Z50">
            <v>0</v>
          </cell>
          <cell r="AA50">
            <v>0</v>
          </cell>
          <cell r="AB50">
            <v>0</v>
          </cell>
        </row>
        <row r="51">
          <cell r="A51" t="str">
            <v>Cor_index_FL</v>
          </cell>
          <cell r="V51">
            <v>0</v>
          </cell>
          <cell r="W51">
            <v>0</v>
          </cell>
          <cell r="X51">
            <v>0</v>
          </cell>
          <cell r="Y51">
            <v>0</v>
          </cell>
          <cell r="Z51">
            <v>0</v>
          </cell>
          <cell r="AA51">
            <v>0</v>
          </cell>
          <cell r="AB51">
            <v>0</v>
          </cell>
        </row>
        <row r="52">
          <cell r="A52" t="str">
            <v>Gra_index_FL</v>
          </cell>
          <cell r="V52">
            <v>0</v>
          </cell>
          <cell r="W52">
            <v>0</v>
          </cell>
          <cell r="X52">
            <v>0</v>
          </cell>
          <cell r="Y52">
            <v>0</v>
          </cell>
          <cell r="Z52">
            <v>0</v>
          </cell>
          <cell r="AA52">
            <v>0</v>
          </cell>
          <cell r="AB52">
            <v>0</v>
          </cell>
        </row>
        <row r="53">
          <cell r="A53" t="str">
            <v>FEX_index_FL</v>
          </cell>
          <cell r="V53">
            <v>0</v>
          </cell>
          <cell r="W53">
            <v>0</v>
          </cell>
          <cell r="X53">
            <v>0</v>
          </cell>
          <cell r="Y53">
            <v>0</v>
          </cell>
          <cell r="Z53">
            <v>0</v>
          </cell>
          <cell r="AA53">
            <v>0</v>
          </cell>
          <cell r="AB53">
            <v>0</v>
          </cell>
        </row>
        <row r="54">
          <cell r="A54" t="str">
            <v>MCL_index_FL</v>
          </cell>
          <cell r="V54">
            <v>0</v>
          </cell>
          <cell r="W54">
            <v>0</v>
          </cell>
          <cell r="X54">
            <v>0</v>
          </cell>
          <cell r="Y54">
            <v>0</v>
          </cell>
          <cell r="Z54">
            <v>0</v>
          </cell>
          <cell r="AA54">
            <v>0</v>
          </cell>
          <cell r="AB54">
            <v>0</v>
          </cell>
        </row>
        <row r="55">
          <cell r="A55" t="str">
            <v>MCG_index_FL</v>
          </cell>
          <cell r="V55">
            <v>0</v>
          </cell>
          <cell r="W55">
            <v>0</v>
          </cell>
          <cell r="X55">
            <v>0</v>
          </cell>
          <cell r="Y55">
            <v>0</v>
          </cell>
          <cell r="Z55">
            <v>0</v>
          </cell>
          <cell r="AA55">
            <v>0</v>
          </cell>
          <cell r="AB55">
            <v>0</v>
          </cell>
        </row>
        <row r="56">
          <cell r="A56" t="str">
            <v>MLE_index_FL</v>
          </cell>
          <cell r="V56">
            <v>0</v>
          </cell>
          <cell r="W56">
            <v>0</v>
          </cell>
          <cell r="X56">
            <v>0</v>
          </cell>
          <cell r="Y56">
            <v>0</v>
          </cell>
          <cell r="Z56">
            <v>0</v>
          </cell>
          <cell r="AA56">
            <v>0</v>
          </cell>
          <cell r="AB56">
            <v>0</v>
          </cell>
        </row>
        <row r="57">
          <cell r="A57" t="str">
            <v>MFA_index_FL</v>
          </cell>
          <cell r="V57">
            <v>0</v>
          </cell>
          <cell r="W57">
            <v>0</v>
          </cell>
          <cell r="X57">
            <v>0</v>
          </cell>
          <cell r="Y57">
            <v>0</v>
          </cell>
          <cell r="Z57">
            <v>0</v>
          </cell>
          <cell r="AA57">
            <v>0</v>
          </cell>
          <cell r="AB57">
            <v>0</v>
          </cell>
        </row>
        <row r="58">
          <cell r="A58" t="str">
            <v>MBQ_index_FL</v>
          </cell>
          <cell r="V58">
            <v>0</v>
          </cell>
          <cell r="W58">
            <v>0</v>
          </cell>
          <cell r="X58">
            <v>0</v>
          </cell>
          <cell r="Y58">
            <v>0</v>
          </cell>
          <cell r="Z58">
            <v>0</v>
          </cell>
          <cell r="AA58">
            <v>0</v>
          </cell>
          <cell r="AB58">
            <v>0</v>
          </cell>
        </row>
        <row r="59">
          <cell r="A59" t="str">
            <v>MBG_index_FL</v>
          </cell>
          <cell r="V59">
            <v>0</v>
          </cell>
          <cell r="W59">
            <v>0</v>
          </cell>
          <cell r="X59">
            <v>0</v>
          </cell>
          <cell r="Y59">
            <v>0</v>
          </cell>
          <cell r="Z59">
            <v>0</v>
          </cell>
          <cell r="AA59">
            <v>0</v>
          </cell>
          <cell r="AB59">
            <v>0</v>
          </cell>
        </row>
        <row r="60">
          <cell r="A60" t="str">
            <v>WID_index_FL</v>
          </cell>
          <cell r="V60">
            <v>0</v>
          </cell>
          <cell r="W60">
            <v>0</v>
          </cell>
          <cell r="X60">
            <v>0</v>
          </cell>
          <cell r="Y60">
            <v>0</v>
          </cell>
          <cell r="Z60">
            <v>0</v>
          </cell>
          <cell r="AA60">
            <v>0</v>
          </cell>
          <cell r="AB60">
            <v>0</v>
          </cell>
        </row>
        <row r="61">
          <cell r="A61" t="str">
            <v>FIN_index_FL</v>
          </cell>
          <cell r="V61">
            <v>0</v>
          </cell>
          <cell r="W61">
            <v>0</v>
          </cell>
          <cell r="X61">
            <v>0</v>
          </cell>
          <cell r="Y61">
            <v>0</v>
          </cell>
          <cell r="Z61">
            <v>0</v>
          </cell>
          <cell r="AA61">
            <v>0</v>
          </cell>
          <cell r="AB61">
            <v>0</v>
          </cell>
        </row>
        <row r="62">
          <cell r="A62" t="str">
            <v>ALM_index_FL</v>
          </cell>
          <cell r="V62">
            <v>0</v>
          </cell>
          <cell r="W62">
            <v>0</v>
          </cell>
          <cell r="X62">
            <v>0</v>
          </cell>
          <cell r="Y62">
            <v>0</v>
          </cell>
          <cell r="Z62">
            <v>0</v>
          </cell>
          <cell r="AA62">
            <v>0</v>
          </cell>
          <cell r="AB62">
            <v>0</v>
          </cell>
        </row>
        <row r="63">
          <cell r="A63" t="str">
            <v>FUO_index_FL</v>
          </cell>
          <cell r="V63">
            <v>0</v>
          </cell>
          <cell r="W63">
            <v>0</v>
          </cell>
          <cell r="X63">
            <v>0</v>
          </cell>
          <cell r="Y63">
            <v>0</v>
          </cell>
          <cell r="Z63">
            <v>0</v>
          </cell>
          <cell r="AA63">
            <v>0</v>
          </cell>
          <cell r="AB63">
            <v>0</v>
          </cell>
        </row>
        <row r="64">
          <cell r="A64" t="str">
            <v>XXX_index_FL</v>
          </cell>
          <cell r="V64">
            <v>0</v>
          </cell>
          <cell r="W64">
            <v>0</v>
          </cell>
          <cell r="X64">
            <v>0</v>
          </cell>
          <cell r="Y64">
            <v>0</v>
          </cell>
          <cell r="Z64">
            <v>0</v>
          </cell>
          <cell r="AA64">
            <v>0</v>
          </cell>
          <cell r="AB64">
            <v>0</v>
          </cell>
        </row>
        <row r="65">
          <cell r="A65" t="str">
            <v>TOT_index_FL</v>
          </cell>
          <cell r="V65">
            <v>1592.1405999999999</v>
          </cell>
          <cell r="W65">
            <v>38.195599999999999</v>
          </cell>
          <cell r="X65">
            <v>42.702600000000004</v>
          </cell>
          <cell r="Y65">
            <v>1767.2760660000004</v>
          </cell>
          <cell r="Z65">
            <v>1979.3491939200001</v>
          </cell>
          <cell r="AA65">
            <v>2236.6645891295993</v>
          </cell>
          <cell r="AB65">
            <v>2549.7976316077434</v>
          </cell>
        </row>
        <row r="66">
          <cell r="A66" t="str">
            <v>Val_multiramo_FL</v>
          </cell>
          <cell r="V66">
            <v>99.413005330000004</v>
          </cell>
          <cell r="W66">
            <v>41.206550999999997</v>
          </cell>
          <cell r="X66">
            <v>72.489960999999994</v>
          </cell>
          <cell r="Y66">
            <v>110.34843591630002</v>
          </cell>
          <cell r="Z66">
            <v>123.59024822625604</v>
          </cell>
          <cell r="AA66">
            <v>139.65698049566927</v>
          </cell>
          <cell r="AB66">
            <v>159.20895776506299</v>
          </cell>
        </row>
        <row r="67">
          <cell r="A67" t="str">
            <v>Pre_multiramo_FL</v>
          </cell>
          <cell r="V67">
            <v>537.98314814999992</v>
          </cell>
          <cell r="W67">
            <v>155.76189051</v>
          </cell>
          <cell r="X67">
            <v>279.85335501999998</v>
          </cell>
          <cell r="Y67">
            <v>597.16129444649994</v>
          </cell>
          <cell r="Z67">
            <v>668.82064978007998</v>
          </cell>
          <cell r="AA67">
            <v>755.76733425149018</v>
          </cell>
          <cell r="AB67">
            <v>861.57476104669888</v>
          </cell>
        </row>
        <row r="68">
          <cell r="A68" t="str">
            <v>Sma_multiramo_FL</v>
          </cell>
          <cell r="V68">
            <v>74.941363649999985</v>
          </cell>
          <cell r="W68">
            <v>2.8697154999999999</v>
          </cell>
          <cell r="X68">
            <v>4.9230685000000003</v>
          </cell>
          <cell r="Y68">
            <v>83.184913651499997</v>
          </cell>
          <cell r="Z68">
            <v>93.16710328968</v>
          </cell>
          <cell r="AA68">
            <v>105.27882671733838</v>
          </cell>
          <cell r="AB68">
            <v>120.01786245776576</v>
          </cell>
        </row>
        <row r="69">
          <cell r="A69" t="str">
            <v>Pri_multiramo_FL</v>
          </cell>
          <cell r="V69">
            <v>336.34367732999999</v>
          </cell>
          <cell r="W69">
            <v>86.153279019999999</v>
          </cell>
          <cell r="X69">
            <v>136.17003251999998</v>
          </cell>
          <cell r="Y69">
            <v>373.34148183630003</v>
          </cell>
          <cell r="Z69">
            <v>418.14245965665606</v>
          </cell>
          <cell r="AA69">
            <v>472.5009794120212</v>
          </cell>
          <cell r="AB69">
            <v>538.65111652970427</v>
          </cell>
        </row>
        <row r="70">
          <cell r="A70" t="str">
            <v>Fam_multiramo_FL</v>
          </cell>
          <cell r="V70">
            <v>0</v>
          </cell>
          <cell r="W70">
            <v>0</v>
          </cell>
          <cell r="X70">
            <v>0</v>
          </cell>
          <cell r="Y70">
            <v>0</v>
          </cell>
          <cell r="Z70">
            <v>0</v>
          </cell>
          <cell r="AA70">
            <v>0</v>
          </cell>
          <cell r="AB70">
            <v>0</v>
          </cell>
        </row>
        <row r="71">
          <cell r="A71" t="str">
            <v>PMI_multiramo_FL</v>
          </cell>
          <cell r="V71">
            <v>1.4999999999999999E-2</v>
          </cell>
          <cell r="W71">
            <v>3.0000000000000001E-3</v>
          </cell>
          <cell r="X71">
            <v>0.50412000000000001</v>
          </cell>
          <cell r="Y71">
            <v>1.6650000000000002E-2</v>
          </cell>
          <cell r="Z71">
            <v>1.8648000000000005E-2</v>
          </cell>
          <cell r="AA71">
            <v>2.1072239999999999E-2</v>
          </cell>
          <cell r="AB71">
            <v>2.4022353600000001E-2</v>
          </cell>
        </row>
        <row r="72">
          <cell r="A72" t="str">
            <v>ENT_multiramo_FL</v>
          </cell>
          <cell r="V72">
            <v>3.5999999999999999E-3</v>
          </cell>
          <cell r="W72">
            <v>5.9999999999999995E-4</v>
          </cell>
          <cell r="X72">
            <v>5.9999999999999995E-4</v>
          </cell>
          <cell r="Y72">
            <v>3.9960000000000004E-3</v>
          </cell>
          <cell r="Z72">
            <v>4.4755200000000011E-3</v>
          </cell>
          <cell r="AA72">
            <v>5.0573375999999996E-3</v>
          </cell>
          <cell r="AB72">
            <v>5.7653648640000003E-3</v>
          </cell>
        </row>
        <row r="73">
          <cell r="A73" t="str">
            <v>Cor_multiramo_FL</v>
          </cell>
          <cell r="V73">
            <v>0</v>
          </cell>
          <cell r="W73">
            <v>0</v>
          </cell>
          <cell r="X73">
            <v>0</v>
          </cell>
          <cell r="Y73">
            <v>0</v>
          </cell>
          <cell r="Z73">
            <v>0</v>
          </cell>
          <cell r="AA73">
            <v>0</v>
          </cell>
          <cell r="AB73">
            <v>0</v>
          </cell>
        </row>
        <row r="74">
          <cell r="A74" t="str">
            <v>Gra_multiramo_FL</v>
          </cell>
          <cell r="V74">
            <v>0</v>
          </cell>
          <cell r="W74">
            <v>0</v>
          </cell>
          <cell r="X74">
            <v>0</v>
          </cell>
          <cell r="Y74">
            <v>0</v>
          </cell>
          <cell r="Z74">
            <v>0</v>
          </cell>
          <cell r="AA74">
            <v>0</v>
          </cell>
          <cell r="AB74">
            <v>0</v>
          </cell>
        </row>
        <row r="75">
          <cell r="A75" t="str">
            <v>FEX_multiramo_FL</v>
          </cell>
          <cell r="V75">
            <v>0</v>
          </cell>
          <cell r="W75">
            <v>0</v>
          </cell>
          <cell r="X75">
            <v>0</v>
          </cell>
          <cell r="Y75">
            <v>0</v>
          </cell>
          <cell r="Z75">
            <v>0</v>
          </cell>
          <cell r="AA75">
            <v>0</v>
          </cell>
          <cell r="AB75">
            <v>0</v>
          </cell>
        </row>
        <row r="76">
          <cell r="A76" t="str">
            <v>MCL_multiramo_FL</v>
          </cell>
          <cell r="V76">
            <v>0</v>
          </cell>
          <cell r="W76">
            <v>0</v>
          </cell>
          <cell r="X76">
            <v>0</v>
          </cell>
          <cell r="Y76">
            <v>0</v>
          </cell>
          <cell r="Z76">
            <v>0</v>
          </cell>
          <cell r="AA76">
            <v>0</v>
          </cell>
          <cell r="AB76">
            <v>0</v>
          </cell>
        </row>
        <row r="77">
          <cell r="A77" t="str">
            <v>MCG_multiramo_FL</v>
          </cell>
          <cell r="V77">
            <v>0</v>
          </cell>
          <cell r="W77">
            <v>0</v>
          </cell>
          <cell r="X77">
            <v>0</v>
          </cell>
          <cell r="Y77">
            <v>0</v>
          </cell>
          <cell r="Z77">
            <v>0</v>
          </cell>
          <cell r="AA77">
            <v>0</v>
          </cell>
          <cell r="AB77">
            <v>0</v>
          </cell>
        </row>
        <row r="78">
          <cell r="A78" t="str">
            <v>MLE_multiramo_FL</v>
          </cell>
          <cell r="V78">
            <v>0</v>
          </cell>
          <cell r="W78">
            <v>0</v>
          </cell>
          <cell r="X78">
            <v>0</v>
          </cell>
          <cell r="Y78">
            <v>0</v>
          </cell>
          <cell r="Z78">
            <v>0</v>
          </cell>
          <cell r="AA78">
            <v>0</v>
          </cell>
          <cell r="AB78">
            <v>0</v>
          </cell>
        </row>
        <row r="79">
          <cell r="A79" t="str">
            <v>MFA_multiramo_FL</v>
          </cell>
          <cell r="V79">
            <v>0</v>
          </cell>
          <cell r="W79">
            <v>0</v>
          </cell>
          <cell r="X79">
            <v>0</v>
          </cell>
          <cell r="Y79">
            <v>0</v>
          </cell>
          <cell r="Z79">
            <v>0</v>
          </cell>
          <cell r="AA79">
            <v>0</v>
          </cell>
          <cell r="AB79">
            <v>0</v>
          </cell>
        </row>
        <row r="80">
          <cell r="A80" t="str">
            <v>MBQ_multiramo_FL</v>
          </cell>
          <cell r="V80">
            <v>0</v>
          </cell>
          <cell r="W80">
            <v>0</v>
          </cell>
          <cell r="X80">
            <v>0</v>
          </cell>
          <cell r="Y80">
            <v>0</v>
          </cell>
          <cell r="Z80">
            <v>0</v>
          </cell>
          <cell r="AA80">
            <v>0</v>
          </cell>
          <cell r="AB80">
            <v>0</v>
          </cell>
        </row>
        <row r="81">
          <cell r="A81" t="str">
            <v>MBG_multiramo_FL</v>
          </cell>
          <cell r="V81">
            <v>0</v>
          </cell>
          <cell r="W81">
            <v>0</v>
          </cell>
          <cell r="X81">
            <v>0</v>
          </cell>
          <cell r="Y81">
            <v>0</v>
          </cell>
          <cell r="Z81">
            <v>0</v>
          </cell>
          <cell r="AA81">
            <v>0</v>
          </cell>
          <cell r="AB81">
            <v>0</v>
          </cell>
        </row>
        <row r="82">
          <cell r="A82" t="str">
            <v>WID_multiramo_FL</v>
          </cell>
          <cell r="V82">
            <v>0.10174999999999999</v>
          </cell>
          <cell r="W82">
            <v>0.16900000000000001</v>
          </cell>
          <cell r="X82">
            <v>0.20785000000000001</v>
          </cell>
          <cell r="Y82">
            <v>0.1129425</v>
          </cell>
          <cell r="Z82">
            <v>0.12649560000000001</v>
          </cell>
          <cell r="AA82">
            <v>0.14294002799999997</v>
          </cell>
          <cell r="AB82">
            <v>0.16295163191999998</v>
          </cell>
        </row>
        <row r="83">
          <cell r="A83" t="str">
            <v>FIN_multiramo_FL</v>
          </cell>
          <cell r="V83">
            <v>0</v>
          </cell>
          <cell r="W83">
            <v>0</v>
          </cell>
          <cell r="X83">
            <v>0</v>
          </cell>
          <cell r="Y83">
            <v>0</v>
          </cell>
          <cell r="Z83">
            <v>0</v>
          </cell>
          <cell r="AA83">
            <v>0</v>
          </cell>
          <cell r="AB83">
            <v>0</v>
          </cell>
        </row>
        <row r="84">
          <cell r="A84" t="str">
            <v>ALM_multiramo_FL</v>
          </cell>
          <cell r="V84">
            <v>0</v>
          </cell>
          <cell r="W84">
            <v>0</v>
          </cell>
          <cell r="X84">
            <v>0</v>
          </cell>
          <cell r="Y84">
            <v>0</v>
          </cell>
          <cell r="Z84">
            <v>0</v>
          </cell>
          <cell r="AA84">
            <v>0</v>
          </cell>
          <cell r="AB84">
            <v>0</v>
          </cell>
        </row>
        <row r="85">
          <cell r="A85" t="str">
            <v>FUO_multiramo_FL</v>
          </cell>
          <cell r="V85">
            <v>0</v>
          </cell>
          <cell r="W85">
            <v>0</v>
          </cell>
          <cell r="X85">
            <v>0</v>
          </cell>
          <cell r="Y85">
            <v>0</v>
          </cell>
          <cell r="Z85">
            <v>0</v>
          </cell>
          <cell r="AA85">
            <v>0</v>
          </cell>
          <cell r="AB85">
            <v>0</v>
          </cell>
        </row>
        <row r="86">
          <cell r="A86" t="str">
            <v>XXX_multiramo_FL</v>
          </cell>
          <cell r="V86">
            <v>56.9700563399999</v>
          </cell>
          <cell r="W86">
            <v>32.992566840000002</v>
          </cell>
          <cell r="X86">
            <v>32.992566840000002</v>
          </cell>
          <cell r="Y86">
            <v>63.236762537399898</v>
          </cell>
          <cell r="Z86">
            <v>70.825174041887891</v>
          </cell>
          <cell r="AA86">
            <v>80.032446667333289</v>
          </cell>
          <cell r="AB86">
            <v>91.236989200759965</v>
          </cell>
        </row>
        <row r="87">
          <cell r="A87" t="str">
            <v>TOT_multiramo_FL</v>
          </cell>
          <cell r="V87">
            <v>1105.7716008</v>
          </cell>
          <cell r="W87">
            <v>319.15660286999997</v>
          </cell>
          <cell r="X87">
            <v>527.14155387999995</v>
          </cell>
          <cell r="Y87">
            <v>1227.4064768879998</v>
          </cell>
          <cell r="Z87">
            <v>1374.6952541145599</v>
          </cell>
          <cell r="AA87">
            <v>1553.4056371494523</v>
          </cell>
          <cell r="AB87">
            <v>1770.8824263503757</v>
          </cell>
        </row>
        <row r="88">
          <cell r="A88" t="str">
            <v>Val_unit_FL</v>
          </cell>
          <cell r="V88">
            <v>129.06192406000002</v>
          </cell>
          <cell r="W88">
            <v>41.252717670000003</v>
          </cell>
          <cell r="X88">
            <v>81.897283399999992</v>
          </cell>
          <cell r="Y88">
            <v>143.25873570660005</v>
          </cell>
          <cell r="Z88">
            <v>160.44978399139208</v>
          </cell>
          <cell r="AA88">
            <v>181.308255910273</v>
          </cell>
          <cell r="AB88">
            <v>206.69141173771123</v>
          </cell>
        </row>
        <row r="89">
          <cell r="A89" t="str">
            <v>Pre_unit_FL</v>
          </cell>
          <cell r="V89">
            <v>1658.8121728799997</v>
          </cell>
          <cell r="W89">
            <v>278.09387291000002</v>
          </cell>
          <cell r="X89">
            <v>575.19510315999992</v>
          </cell>
          <cell r="Y89">
            <v>1841.2815118967999</v>
          </cell>
          <cell r="Z89">
            <v>2062.235293324416</v>
          </cell>
          <cell r="AA89">
            <v>2330.3258814565893</v>
          </cell>
          <cell r="AB89">
            <v>2656.5715048605121</v>
          </cell>
        </row>
        <row r="90">
          <cell r="A90" t="str">
            <v>Sma_unit_FL</v>
          </cell>
          <cell r="V90">
            <v>146.98647836999999</v>
          </cell>
          <cell r="W90">
            <v>5.993061739999999</v>
          </cell>
          <cell r="X90">
            <v>12.143514359999999</v>
          </cell>
          <cell r="Y90">
            <v>163.15499099069999</v>
          </cell>
          <cell r="Z90">
            <v>182.733589909584</v>
          </cell>
          <cell r="AA90">
            <v>206.48895659782985</v>
          </cell>
          <cell r="AB90">
            <v>235.39741052152607</v>
          </cell>
        </row>
        <row r="91">
          <cell r="A91" t="str">
            <v>Pri_unit_FL</v>
          </cell>
          <cell r="V91">
            <v>279.32210508999998</v>
          </cell>
          <cell r="W91">
            <v>24.125014330000003</v>
          </cell>
          <cell r="X91">
            <v>62.050821199999994</v>
          </cell>
          <cell r="Y91">
            <v>310.0475366499</v>
          </cell>
          <cell r="Z91">
            <v>347.25324104788803</v>
          </cell>
          <cell r="AA91">
            <v>392.39616238411338</v>
          </cell>
          <cell r="AB91">
            <v>447.3316251178893</v>
          </cell>
        </row>
        <row r="92">
          <cell r="A92" t="str">
            <v>Fam_unit_FL</v>
          </cell>
          <cell r="V92">
            <v>0</v>
          </cell>
          <cell r="W92">
            <v>0</v>
          </cell>
          <cell r="X92">
            <v>0</v>
          </cell>
          <cell r="Y92">
            <v>0</v>
          </cell>
          <cell r="Z92">
            <v>0</v>
          </cell>
          <cell r="AA92">
            <v>0</v>
          </cell>
          <cell r="AB92">
            <v>0</v>
          </cell>
        </row>
        <row r="93">
          <cell r="A93" t="str">
            <v>PMI_unit_FL</v>
          </cell>
          <cell r="V93">
            <v>0.33742686999999999</v>
          </cell>
          <cell r="W93">
            <v>2.523734E-2</v>
          </cell>
          <cell r="X93">
            <v>6.9374679999999994E-2</v>
          </cell>
          <cell r="Y93">
            <v>0.3745438257</v>
          </cell>
          <cell r="Z93">
            <v>0.41948908478400004</v>
          </cell>
          <cell r="AA93">
            <v>0.4740226658059199</v>
          </cell>
          <cell r="AB93">
            <v>0.5403858390187487</v>
          </cell>
        </row>
        <row r="94">
          <cell r="A94" t="str">
            <v>ENT_unit_FL</v>
          </cell>
          <cell r="V94">
            <v>0</v>
          </cell>
          <cell r="W94">
            <v>0</v>
          </cell>
          <cell r="X94">
            <v>0</v>
          </cell>
          <cell r="Y94">
            <v>0</v>
          </cell>
          <cell r="Z94">
            <v>0</v>
          </cell>
          <cell r="AA94">
            <v>0</v>
          </cell>
          <cell r="AB94">
            <v>0</v>
          </cell>
        </row>
        <row r="95">
          <cell r="A95" t="str">
            <v>Cor_unit_FL</v>
          </cell>
          <cell r="V95">
            <v>0</v>
          </cell>
          <cell r="W95">
            <v>0</v>
          </cell>
          <cell r="X95">
            <v>0</v>
          </cell>
          <cell r="Y95">
            <v>0</v>
          </cell>
          <cell r="Z95">
            <v>0</v>
          </cell>
          <cell r="AA95">
            <v>0</v>
          </cell>
          <cell r="AB95">
            <v>0</v>
          </cell>
        </row>
        <row r="96">
          <cell r="A96" t="str">
            <v>Gra_unit_FL</v>
          </cell>
          <cell r="V96">
            <v>0</v>
          </cell>
          <cell r="W96">
            <v>0</v>
          </cell>
          <cell r="X96">
            <v>0</v>
          </cell>
          <cell r="Y96">
            <v>0</v>
          </cell>
          <cell r="Z96">
            <v>0</v>
          </cell>
          <cell r="AA96">
            <v>0</v>
          </cell>
          <cell r="AB96">
            <v>0</v>
          </cell>
        </row>
        <row r="97">
          <cell r="A97" t="str">
            <v>FEX_unit_FL</v>
          </cell>
          <cell r="V97">
            <v>0</v>
          </cell>
          <cell r="W97">
            <v>0</v>
          </cell>
          <cell r="X97">
            <v>0</v>
          </cell>
          <cell r="Y97">
            <v>0</v>
          </cell>
          <cell r="Z97">
            <v>0</v>
          </cell>
          <cell r="AA97">
            <v>0</v>
          </cell>
          <cell r="AB97">
            <v>0</v>
          </cell>
        </row>
        <row r="98">
          <cell r="A98" t="str">
            <v>MCL_unit_FL</v>
          </cell>
          <cell r="V98">
            <v>0</v>
          </cell>
          <cell r="W98">
            <v>0</v>
          </cell>
          <cell r="X98">
            <v>0</v>
          </cell>
          <cell r="Y98">
            <v>0</v>
          </cell>
          <cell r="Z98">
            <v>0</v>
          </cell>
          <cell r="AA98">
            <v>0</v>
          </cell>
          <cell r="AB98">
            <v>0</v>
          </cell>
        </row>
        <row r="99">
          <cell r="A99" t="str">
            <v>MCG_unit_FL</v>
          </cell>
          <cell r="V99">
            <v>0</v>
          </cell>
          <cell r="W99">
            <v>0</v>
          </cell>
          <cell r="X99">
            <v>0</v>
          </cell>
          <cell r="Y99">
            <v>0</v>
          </cell>
          <cell r="Z99">
            <v>0</v>
          </cell>
          <cell r="AA99">
            <v>0</v>
          </cell>
          <cell r="AB99">
            <v>0</v>
          </cell>
        </row>
        <row r="100">
          <cell r="A100" t="str">
            <v>MLE_unit_FL</v>
          </cell>
          <cell r="V100">
            <v>0</v>
          </cell>
          <cell r="W100">
            <v>0</v>
          </cell>
          <cell r="X100">
            <v>0</v>
          </cell>
          <cell r="Y100">
            <v>0</v>
          </cell>
          <cell r="Z100">
            <v>0</v>
          </cell>
          <cell r="AA100">
            <v>0</v>
          </cell>
          <cell r="AB100">
            <v>0</v>
          </cell>
        </row>
        <row r="101">
          <cell r="A101" t="str">
            <v>MFA_unit_FL</v>
          </cell>
          <cell r="V101">
            <v>0</v>
          </cell>
          <cell r="W101">
            <v>0</v>
          </cell>
          <cell r="X101">
            <v>0</v>
          </cell>
          <cell r="Y101">
            <v>0</v>
          </cell>
          <cell r="Z101">
            <v>0</v>
          </cell>
          <cell r="AA101">
            <v>0</v>
          </cell>
          <cell r="AB101">
            <v>0</v>
          </cell>
        </row>
        <row r="102">
          <cell r="A102" t="str">
            <v>MBQ_unit_FL</v>
          </cell>
          <cell r="V102">
            <v>0</v>
          </cell>
          <cell r="W102">
            <v>0</v>
          </cell>
          <cell r="X102">
            <v>0</v>
          </cell>
          <cell r="Y102">
            <v>0</v>
          </cell>
          <cell r="Z102">
            <v>0</v>
          </cell>
          <cell r="AA102">
            <v>0</v>
          </cell>
          <cell r="AB102">
            <v>0</v>
          </cell>
        </row>
        <row r="103">
          <cell r="A103" t="str">
            <v>MBG_unit_FL</v>
          </cell>
          <cell r="V103">
            <v>0</v>
          </cell>
          <cell r="W103">
            <v>0</v>
          </cell>
          <cell r="X103">
            <v>0</v>
          </cell>
          <cell r="Y103">
            <v>0</v>
          </cell>
          <cell r="Z103">
            <v>0</v>
          </cell>
          <cell r="AA103">
            <v>0</v>
          </cell>
          <cell r="AB103">
            <v>0</v>
          </cell>
        </row>
        <row r="104">
          <cell r="A104" t="str">
            <v>WID_unit_FL</v>
          </cell>
          <cell r="V104">
            <v>164.01140799999999</v>
          </cell>
          <cell r="W104">
            <v>31.463125999999999</v>
          </cell>
          <cell r="X104">
            <v>60.093592999999998</v>
          </cell>
          <cell r="Y104">
            <v>182.05266288000001</v>
          </cell>
          <cell r="Z104">
            <v>203.89898242560002</v>
          </cell>
          <cell r="AA104">
            <v>230.40585014092795</v>
          </cell>
          <cell r="AB104">
            <v>262.66266916065791</v>
          </cell>
        </row>
        <row r="105">
          <cell r="A105" t="str">
            <v>FIN_unit_FL</v>
          </cell>
          <cell r="V105">
            <v>0</v>
          </cell>
          <cell r="W105">
            <v>0</v>
          </cell>
          <cell r="X105">
            <v>0</v>
          </cell>
          <cell r="Y105">
            <v>0</v>
          </cell>
          <cell r="Z105">
            <v>0</v>
          </cell>
          <cell r="AA105">
            <v>0</v>
          </cell>
          <cell r="AB105">
            <v>0</v>
          </cell>
        </row>
        <row r="106">
          <cell r="A106" t="str">
            <v>ALM_unit_FL</v>
          </cell>
          <cell r="V106">
            <v>0</v>
          </cell>
          <cell r="W106">
            <v>0</v>
          </cell>
          <cell r="X106">
            <v>0</v>
          </cell>
          <cell r="Y106">
            <v>0</v>
          </cell>
          <cell r="Z106">
            <v>0</v>
          </cell>
          <cell r="AA106">
            <v>0</v>
          </cell>
          <cell r="AB106">
            <v>0</v>
          </cell>
        </row>
        <row r="107">
          <cell r="A107" t="str">
            <v>FUO_unit_FL</v>
          </cell>
          <cell r="V107">
            <v>0</v>
          </cell>
          <cell r="W107">
            <v>0</v>
          </cell>
          <cell r="X107">
            <v>0</v>
          </cell>
          <cell r="Y107">
            <v>0</v>
          </cell>
          <cell r="Z107">
            <v>0</v>
          </cell>
          <cell r="AA107">
            <v>0</v>
          </cell>
          <cell r="AB107">
            <v>0</v>
          </cell>
        </row>
        <row r="108">
          <cell r="A108" t="str">
            <v>XXX_unit_FL</v>
          </cell>
          <cell r="V108">
            <v>88.056596170000404</v>
          </cell>
          <cell r="W108">
            <v>8.6044767899999801</v>
          </cell>
          <cell r="X108">
            <v>8.6044767899999801</v>
          </cell>
          <cell r="Y108">
            <v>97.74282174870045</v>
          </cell>
          <cell r="Z108">
            <v>109.47196035854452</v>
          </cell>
          <cell r="AA108">
            <v>123.70331520515528</v>
          </cell>
          <cell r="AB108">
            <v>141.02177933387702</v>
          </cell>
        </row>
        <row r="109">
          <cell r="A109" t="str">
            <v>TOT_multiramo_FL</v>
          </cell>
          <cell r="V109">
            <v>2466.5881114399999</v>
          </cell>
          <cell r="W109">
            <v>389.55750677999993</v>
          </cell>
          <cell r="X109">
            <v>800.05416659000002</v>
          </cell>
          <cell r="Y109">
            <v>2737.9128036984002</v>
          </cell>
          <cell r="Z109">
            <v>3066.4623401422082</v>
          </cell>
          <cell r="AA109">
            <v>3465.1024443606948</v>
          </cell>
          <cell r="AB109">
            <v>3950.2167865711926</v>
          </cell>
        </row>
        <row r="110">
          <cell r="A110" t="str">
            <v>Val_previdenza_FL</v>
          </cell>
          <cell r="V110">
            <v>58.512874889999999</v>
          </cell>
          <cell r="W110">
            <v>16.452243840000001</v>
          </cell>
          <cell r="X110">
            <v>30.858546199999999</v>
          </cell>
          <cell r="Y110">
            <v>64.364162379000007</v>
          </cell>
          <cell r="Z110">
            <v>71.444220240690015</v>
          </cell>
          <cell r="AA110">
            <v>80.017526669572831</v>
          </cell>
          <cell r="AB110">
            <v>90.419805136617285</v>
          </cell>
        </row>
        <row r="111">
          <cell r="A111" t="str">
            <v>Pre_previdenza_FL</v>
          </cell>
          <cell r="V111">
            <v>61.705188149999998</v>
          </cell>
          <cell r="W111">
            <v>11.373943350000001</v>
          </cell>
          <cell r="X111">
            <v>25.771956700000004</v>
          </cell>
          <cell r="Y111">
            <v>67.875706965000006</v>
          </cell>
          <cell r="Z111">
            <v>75.342034731150008</v>
          </cell>
          <cell r="AA111">
            <v>84.383078898888016</v>
          </cell>
          <cell r="AB111">
            <v>95.352879155743452</v>
          </cell>
        </row>
        <row r="112">
          <cell r="A112" t="str">
            <v>Sma_previdenza_FL</v>
          </cell>
          <cell r="V112">
            <v>17.659239230000001</v>
          </cell>
          <cell r="W112">
            <v>0.91397115000000007</v>
          </cell>
          <cell r="X112">
            <v>2.1229849100000004</v>
          </cell>
          <cell r="Y112">
            <v>19.425163153000003</v>
          </cell>
          <cell r="Z112">
            <v>21.561931099830005</v>
          </cell>
          <cell r="AA112">
            <v>24.149362831809608</v>
          </cell>
          <cell r="AB112">
            <v>27.288779999944854</v>
          </cell>
        </row>
        <row r="113">
          <cell r="A113" t="str">
            <v>Pri_previdenza_FL</v>
          </cell>
          <cell r="V113">
            <v>5.6898490700000002</v>
          </cell>
          <cell r="W113">
            <v>0.94801500000000005</v>
          </cell>
          <cell r="X113">
            <v>2.0006459199999997</v>
          </cell>
          <cell r="Y113">
            <v>6.258833977000001</v>
          </cell>
          <cell r="Z113">
            <v>6.9473057144700014</v>
          </cell>
          <cell r="AA113">
            <v>7.7809824002064021</v>
          </cell>
          <cell r="AB113">
            <v>8.7925101122332343</v>
          </cell>
        </row>
        <row r="114">
          <cell r="A114" t="str">
            <v>Fam_previdenza_FL</v>
          </cell>
          <cell r="V114">
            <v>0.16476609</v>
          </cell>
          <cell r="W114">
            <v>5.1198760000000003E-2</v>
          </cell>
          <cell r="X114">
            <v>8.4988659999999994E-2</v>
          </cell>
          <cell r="Y114">
            <v>0.18124269900000001</v>
          </cell>
          <cell r="Z114">
            <v>0.20117939589000003</v>
          </cell>
          <cell r="AA114">
            <v>0.22532092339680004</v>
          </cell>
          <cell r="AB114">
            <v>0.25461264343838402</v>
          </cell>
        </row>
        <row r="115">
          <cell r="A115" t="str">
            <v>PMI_previdenza_FL</v>
          </cell>
          <cell r="V115">
            <v>2.8382990000000004E-2</v>
          </cell>
          <cell r="W115">
            <v>3.1292399999999997E-3</v>
          </cell>
          <cell r="X115">
            <v>5.5986099999999995E-3</v>
          </cell>
          <cell r="Y115">
            <v>3.1221289000000006E-2</v>
          </cell>
          <cell r="Z115">
            <v>3.465563079000001E-2</v>
          </cell>
          <cell r="AA115">
            <v>3.8814306484800012E-2</v>
          </cell>
          <cell r="AB115">
            <v>4.386016632782401E-2</v>
          </cell>
        </row>
        <row r="116">
          <cell r="A116" t="str">
            <v>ENT_previdenza_FL</v>
          </cell>
          <cell r="V116">
            <v>0</v>
          </cell>
          <cell r="W116">
            <v>0</v>
          </cell>
          <cell r="X116">
            <v>0</v>
          </cell>
          <cell r="Y116">
            <v>0</v>
          </cell>
          <cell r="Z116">
            <v>0</v>
          </cell>
          <cell r="AA116">
            <v>0</v>
          </cell>
          <cell r="AB116">
            <v>0</v>
          </cell>
        </row>
        <row r="117">
          <cell r="A117" t="str">
            <v>Cor_previdenza_FL</v>
          </cell>
          <cell r="V117">
            <v>0</v>
          </cell>
          <cell r="W117">
            <v>0</v>
          </cell>
          <cell r="X117">
            <v>0</v>
          </cell>
          <cell r="Y117">
            <v>0</v>
          </cell>
          <cell r="Z117">
            <v>0</v>
          </cell>
          <cell r="AA117">
            <v>0</v>
          </cell>
          <cell r="AB117">
            <v>0</v>
          </cell>
        </row>
        <row r="118">
          <cell r="A118" t="str">
            <v>Gra_previdenza_FL</v>
          </cell>
          <cell r="V118">
            <v>0</v>
          </cell>
          <cell r="W118">
            <v>0</v>
          </cell>
          <cell r="X118">
            <v>0</v>
          </cell>
          <cell r="Y118">
            <v>0</v>
          </cell>
          <cell r="Z118">
            <v>0</v>
          </cell>
          <cell r="AA118">
            <v>0</v>
          </cell>
          <cell r="AB118">
            <v>0</v>
          </cell>
        </row>
        <row r="119">
          <cell r="A119" t="str">
            <v>FEX_previdenza_FL</v>
          </cell>
          <cell r="V119">
            <v>0</v>
          </cell>
          <cell r="W119">
            <v>0</v>
          </cell>
          <cell r="X119">
            <v>0</v>
          </cell>
          <cell r="Y119">
            <v>0</v>
          </cell>
          <cell r="Z119">
            <v>0</v>
          </cell>
          <cell r="AA119">
            <v>0</v>
          </cell>
          <cell r="AB119">
            <v>0</v>
          </cell>
        </row>
        <row r="120">
          <cell r="A120" t="str">
            <v>MCL_previdenza_FL</v>
          </cell>
          <cell r="V120">
            <v>0</v>
          </cell>
          <cell r="W120">
            <v>0</v>
          </cell>
          <cell r="X120">
            <v>0</v>
          </cell>
          <cell r="Y120">
            <v>0</v>
          </cell>
          <cell r="Z120">
            <v>0</v>
          </cell>
          <cell r="AA120">
            <v>0</v>
          </cell>
          <cell r="AB120">
            <v>0</v>
          </cell>
        </row>
        <row r="121">
          <cell r="A121" t="str">
            <v>MCG_previdenza_FL</v>
          </cell>
          <cell r="V121">
            <v>0</v>
          </cell>
          <cell r="W121">
            <v>0</v>
          </cell>
          <cell r="X121">
            <v>0</v>
          </cell>
          <cell r="Y121">
            <v>0</v>
          </cell>
          <cell r="Z121">
            <v>0</v>
          </cell>
          <cell r="AA121">
            <v>0</v>
          </cell>
          <cell r="AB121">
            <v>0</v>
          </cell>
        </row>
        <row r="122">
          <cell r="A122" t="str">
            <v>MLE_previdenza_FL</v>
          </cell>
          <cell r="V122">
            <v>0</v>
          </cell>
          <cell r="W122">
            <v>0</v>
          </cell>
          <cell r="X122">
            <v>0</v>
          </cell>
          <cell r="Y122">
            <v>0</v>
          </cell>
          <cell r="Z122">
            <v>0</v>
          </cell>
          <cell r="AA122">
            <v>0</v>
          </cell>
          <cell r="AB122">
            <v>0</v>
          </cell>
        </row>
        <row r="123">
          <cell r="A123" t="str">
            <v>MFA_previdenza_FL</v>
          </cell>
          <cell r="V123">
            <v>0</v>
          </cell>
          <cell r="W123">
            <v>0</v>
          </cell>
          <cell r="X123">
            <v>0</v>
          </cell>
          <cell r="Y123">
            <v>0</v>
          </cell>
          <cell r="Z123">
            <v>0</v>
          </cell>
          <cell r="AA123">
            <v>0</v>
          </cell>
          <cell r="AB123">
            <v>0</v>
          </cell>
        </row>
        <row r="124">
          <cell r="A124" t="str">
            <v>MBQ_previdenza_FL</v>
          </cell>
          <cell r="V124">
            <v>0</v>
          </cell>
          <cell r="W124">
            <v>0</v>
          </cell>
          <cell r="X124">
            <v>0</v>
          </cell>
          <cell r="Y124">
            <v>0</v>
          </cell>
          <cell r="Z124">
            <v>0</v>
          </cell>
          <cell r="AA124">
            <v>0</v>
          </cell>
          <cell r="AB124">
            <v>0</v>
          </cell>
        </row>
        <row r="125">
          <cell r="A125" t="str">
            <v>MBG_previdenza_FL</v>
          </cell>
          <cell r="V125">
            <v>0</v>
          </cell>
          <cell r="W125">
            <v>0</v>
          </cell>
          <cell r="X125">
            <v>0</v>
          </cell>
          <cell r="Y125">
            <v>0</v>
          </cell>
          <cell r="Z125">
            <v>0</v>
          </cell>
          <cell r="AA125">
            <v>0</v>
          </cell>
          <cell r="AB125">
            <v>0</v>
          </cell>
        </row>
        <row r="126">
          <cell r="A126" t="str">
            <v>WID_previdenza_FL</v>
          </cell>
          <cell r="V126">
            <v>14.115082000000001</v>
          </cell>
          <cell r="W126">
            <v>2.3494700000000002</v>
          </cell>
          <cell r="X126">
            <v>5.3485440000000004</v>
          </cell>
          <cell r="Y126">
            <v>15.526590200000003</v>
          </cell>
          <cell r="Z126">
            <v>17.234515122000005</v>
          </cell>
          <cell r="AA126">
            <v>19.302656936640009</v>
          </cell>
          <cell r="AB126">
            <v>21.812002338403207</v>
          </cell>
        </row>
        <row r="127">
          <cell r="A127" t="str">
            <v>FIN_previdenza_FL</v>
          </cell>
          <cell r="V127">
            <v>0</v>
          </cell>
          <cell r="W127">
            <v>0</v>
          </cell>
          <cell r="X127">
            <v>0</v>
          </cell>
          <cell r="Y127">
            <v>0</v>
          </cell>
          <cell r="Z127">
            <v>0</v>
          </cell>
          <cell r="AA127">
            <v>0</v>
          </cell>
          <cell r="AB127">
            <v>0</v>
          </cell>
        </row>
        <row r="128">
          <cell r="A128" t="str">
            <v>ALM_previdenza_FL</v>
          </cell>
          <cell r="V128">
            <v>0</v>
          </cell>
          <cell r="W128">
            <v>0</v>
          </cell>
          <cell r="X128">
            <v>0</v>
          </cell>
          <cell r="Y128">
            <v>0</v>
          </cell>
          <cell r="Z128">
            <v>0</v>
          </cell>
          <cell r="AA128">
            <v>0</v>
          </cell>
          <cell r="AB128">
            <v>0</v>
          </cell>
        </row>
        <row r="129">
          <cell r="A129" t="str">
            <v>FUO_previdenza_FL</v>
          </cell>
          <cell r="V129">
            <v>0</v>
          </cell>
          <cell r="W129">
            <v>0</v>
          </cell>
          <cell r="X129">
            <v>0</v>
          </cell>
          <cell r="Y129">
            <v>0</v>
          </cell>
          <cell r="Z129">
            <v>0</v>
          </cell>
          <cell r="AA129">
            <v>0</v>
          </cell>
          <cell r="AB129">
            <v>0</v>
          </cell>
        </row>
        <row r="130">
          <cell r="A130" t="str">
            <v>XXX_previdenza_FL</v>
          </cell>
          <cell r="V130">
            <v>0</v>
          </cell>
          <cell r="W130">
            <v>0</v>
          </cell>
          <cell r="X130">
            <v>0</v>
          </cell>
          <cell r="Y130">
            <v>0</v>
          </cell>
          <cell r="Z130">
            <v>0</v>
          </cell>
          <cell r="AA130">
            <v>0</v>
          </cell>
          <cell r="AB130">
            <v>0</v>
          </cell>
        </row>
        <row r="131">
          <cell r="A131" t="str">
            <v>TOT_previdenza_FL</v>
          </cell>
          <cell r="V131">
            <v>157.87538242000002</v>
          </cell>
          <cell r="W131">
            <v>32.091971340000001</v>
          </cell>
          <cell r="X131">
            <v>66.193264999999997</v>
          </cell>
          <cell r="Y131">
            <v>173.662920662</v>
          </cell>
          <cell r="Z131">
            <v>192.76584193482006</v>
          </cell>
          <cell r="AA131">
            <v>215.89774296699844</v>
          </cell>
          <cell r="AB131">
            <v>243.96444955270823</v>
          </cell>
        </row>
        <row r="132">
          <cell r="A132" t="str">
            <v>Val_assicura_FL</v>
          </cell>
          <cell r="V132">
            <v>472.37223079000006</v>
          </cell>
          <cell r="W132">
            <v>162.69413295999999</v>
          </cell>
          <cell r="X132">
            <v>292.71515291999998</v>
          </cell>
          <cell r="Y132">
            <v>610.80682985190015</v>
          </cell>
          <cell r="Z132">
            <v>585.95417149557022</v>
          </cell>
          <cell r="AA132">
            <v>661.41377158758723</v>
          </cell>
          <cell r="AB132">
            <v>753.21152434315377</v>
          </cell>
        </row>
        <row r="133">
          <cell r="A133" t="str">
            <v>Pre_assicura_FL</v>
          </cell>
          <cell r="V133">
            <v>3906.6973037399998</v>
          </cell>
          <cell r="W133">
            <v>842.86091076000002</v>
          </cell>
          <cell r="X133">
            <v>1468.93001693</v>
          </cell>
          <cell r="Y133">
            <v>5095.9276032783</v>
          </cell>
          <cell r="Z133">
            <v>4855.4362328326379</v>
          </cell>
          <cell r="AA133">
            <v>5485.8895227535677</v>
          </cell>
          <cell r="AB133">
            <v>6253.0702251500788</v>
          </cell>
        </row>
        <row r="134">
          <cell r="A134" t="str">
            <v>Sma_assicura_FL</v>
          </cell>
          <cell r="V134">
            <v>448.92238656000001</v>
          </cell>
          <cell r="W134">
            <v>37.87693642</v>
          </cell>
          <cell r="X134">
            <v>69.229528169999995</v>
          </cell>
          <cell r="Y134">
            <v>486.71693538519997</v>
          </cell>
          <cell r="Z134">
            <v>557.70827586048597</v>
          </cell>
          <cell r="AA134">
            <v>629.99473241135081</v>
          </cell>
          <cell r="AB134">
            <v>717.95250132062188</v>
          </cell>
        </row>
        <row r="135">
          <cell r="A135" t="str">
            <v>Pri_assicura_FL</v>
          </cell>
          <cell r="V135">
            <v>789.88616210999999</v>
          </cell>
          <cell r="W135">
            <v>225.54108309999998</v>
          </cell>
          <cell r="X135">
            <v>363.48263357999997</v>
          </cell>
          <cell r="Y135">
            <v>1050.3160267132</v>
          </cell>
          <cell r="Z135">
            <v>981.86016208579815</v>
          </cell>
          <cell r="AA135">
            <v>1109.4325100998069</v>
          </cell>
          <cell r="AB135">
            <v>1264.675251689778</v>
          </cell>
        </row>
        <row r="136">
          <cell r="A136" t="str">
            <v>Fam_assicura_FL</v>
          </cell>
          <cell r="V136">
            <v>0.16476609</v>
          </cell>
          <cell r="W136">
            <v>5.1198760000000003E-2</v>
          </cell>
          <cell r="X136">
            <v>8.4988659999999994E-2</v>
          </cell>
          <cell r="Y136">
            <v>0.18124269900000001</v>
          </cell>
          <cell r="Z136">
            <v>0.20117939589000003</v>
          </cell>
          <cell r="AA136">
            <v>0.22532092339680004</v>
          </cell>
          <cell r="AB136">
            <v>0.25461264343838402</v>
          </cell>
        </row>
        <row r="137">
          <cell r="A137" t="str">
            <v>PMI_assicura_FL</v>
          </cell>
          <cell r="V137">
            <v>15.523692540000001</v>
          </cell>
          <cell r="W137">
            <v>24.548983809999999</v>
          </cell>
          <cell r="X137">
            <v>39.867881400000002</v>
          </cell>
          <cell r="Y137">
            <v>74.086266804700003</v>
          </cell>
          <cell r="Z137">
            <v>19.298424463350003</v>
          </cell>
          <cell r="AA137">
            <v>21.806873087277594</v>
          </cell>
          <cell r="AB137">
            <v>24.859447176431615</v>
          </cell>
        </row>
        <row r="138">
          <cell r="A138" t="str">
            <v>ENT_assicura_FL</v>
          </cell>
          <cell r="V138">
            <v>21.494857029999995</v>
          </cell>
          <cell r="W138">
            <v>3.0097999999999998</v>
          </cell>
          <cell r="X138">
            <v>11.7525</v>
          </cell>
          <cell r="Y138">
            <v>9.0315960000000004</v>
          </cell>
          <cell r="Z138">
            <v>26.722406259695997</v>
          </cell>
          <cell r="AA138">
            <v>30.196319073456468</v>
          </cell>
          <cell r="AB138">
            <v>34.423803743740372</v>
          </cell>
        </row>
        <row r="139">
          <cell r="A139" t="str">
            <v>Cor_assicura_FL</v>
          </cell>
          <cell r="V139">
            <v>0.18514276000000002</v>
          </cell>
          <cell r="W139">
            <v>2.9104320000000001</v>
          </cell>
          <cell r="X139">
            <v>28.260681999999999</v>
          </cell>
          <cell r="Y139">
            <v>8.7312960000000004</v>
          </cell>
          <cell r="Z139">
            <v>0.23016947923200004</v>
          </cell>
          <cell r="AA139">
            <v>0.26009151153215998</v>
          </cell>
          <cell r="AB139">
            <v>0.29650432314666242</v>
          </cell>
        </row>
        <row r="140">
          <cell r="A140" t="str">
            <v>Gra_assicura_FL</v>
          </cell>
          <cell r="V140">
            <v>0</v>
          </cell>
          <cell r="W140">
            <v>0</v>
          </cell>
          <cell r="X140">
            <v>0</v>
          </cell>
          <cell r="Y140">
            <v>0</v>
          </cell>
          <cell r="Z140">
            <v>0</v>
          </cell>
          <cell r="AA140">
            <v>0</v>
          </cell>
          <cell r="AB140">
            <v>0</v>
          </cell>
        </row>
        <row r="141">
          <cell r="A141" t="str">
            <v>FEX_assicura_FL</v>
          </cell>
          <cell r="V141">
            <v>0</v>
          </cell>
          <cell r="W141">
            <v>0</v>
          </cell>
          <cell r="X141">
            <v>0</v>
          </cell>
          <cell r="Y141">
            <v>0</v>
          </cell>
          <cell r="Z141">
            <v>0</v>
          </cell>
          <cell r="AA141">
            <v>0</v>
          </cell>
          <cell r="AB141">
            <v>0</v>
          </cell>
        </row>
        <row r="142">
          <cell r="A142" t="str">
            <v>MCL_assicura_FL</v>
          </cell>
          <cell r="V142">
            <v>0</v>
          </cell>
          <cell r="W142">
            <v>0</v>
          </cell>
          <cell r="X142">
            <v>0</v>
          </cell>
          <cell r="Y142">
            <v>0</v>
          </cell>
          <cell r="Z142">
            <v>0</v>
          </cell>
          <cell r="AA142">
            <v>0</v>
          </cell>
          <cell r="AB142">
            <v>0</v>
          </cell>
        </row>
        <row r="143">
          <cell r="A143" t="str">
            <v>MCG_assicura_FL</v>
          </cell>
          <cell r="V143">
            <v>0</v>
          </cell>
          <cell r="W143">
            <v>0</v>
          </cell>
          <cell r="X143">
            <v>0</v>
          </cell>
          <cell r="Y143">
            <v>0</v>
          </cell>
          <cell r="Z143">
            <v>0</v>
          </cell>
          <cell r="AA143">
            <v>0</v>
          </cell>
          <cell r="AB143">
            <v>0</v>
          </cell>
        </row>
        <row r="144">
          <cell r="A144" t="str">
            <v>MLE_assicura_FL</v>
          </cell>
          <cell r="V144">
            <v>0</v>
          </cell>
          <cell r="W144">
            <v>0</v>
          </cell>
          <cell r="X144">
            <v>0</v>
          </cell>
          <cell r="Y144">
            <v>0</v>
          </cell>
          <cell r="Z144">
            <v>0</v>
          </cell>
          <cell r="AA144">
            <v>0</v>
          </cell>
          <cell r="AB144">
            <v>0</v>
          </cell>
        </row>
        <row r="145">
          <cell r="A145" t="str">
            <v>MFA_assicura_FL</v>
          </cell>
          <cell r="V145">
            <v>0</v>
          </cell>
          <cell r="W145">
            <v>0</v>
          </cell>
          <cell r="X145">
            <v>0</v>
          </cell>
          <cell r="Y145">
            <v>0</v>
          </cell>
          <cell r="Z145">
            <v>0</v>
          </cell>
          <cell r="AA145">
            <v>0</v>
          </cell>
          <cell r="AB145">
            <v>0</v>
          </cell>
        </row>
        <row r="146">
          <cell r="A146" t="str">
            <v>MBQ_assicura_FL</v>
          </cell>
          <cell r="V146">
            <v>0</v>
          </cell>
          <cell r="W146">
            <v>0</v>
          </cell>
          <cell r="X146">
            <v>0</v>
          </cell>
          <cell r="Y146">
            <v>0</v>
          </cell>
          <cell r="Z146">
            <v>0</v>
          </cell>
          <cell r="AA146">
            <v>0</v>
          </cell>
          <cell r="AB146">
            <v>0</v>
          </cell>
        </row>
        <row r="147">
          <cell r="A147" t="str">
            <v>MBG_assicura_FL</v>
          </cell>
          <cell r="V147">
            <v>0</v>
          </cell>
          <cell r="W147">
            <v>0</v>
          </cell>
          <cell r="X147">
            <v>0</v>
          </cell>
          <cell r="Y147">
            <v>0</v>
          </cell>
          <cell r="Z147">
            <v>0</v>
          </cell>
          <cell r="AA147">
            <v>0</v>
          </cell>
          <cell r="AB147">
            <v>0</v>
          </cell>
        </row>
        <row r="148">
          <cell r="A148" t="str">
            <v>WID_assicura_FL</v>
          </cell>
          <cell r="V148">
            <v>192.29457599999998</v>
          </cell>
          <cell r="W148">
            <v>42.011376999999996</v>
          </cell>
          <cell r="X148">
            <v>77.255414000000002</v>
          </cell>
          <cell r="Y148">
            <v>221.78153858000002</v>
          </cell>
          <cell r="Z148">
            <v>238.74726206280002</v>
          </cell>
          <cell r="AA148">
            <v>269.61206097974394</v>
          </cell>
          <cell r="AB148">
            <v>307.16472294754175</v>
          </cell>
        </row>
        <row r="149">
          <cell r="A149" t="str">
            <v>FIN_assicura_FL</v>
          </cell>
          <cell r="V149">
            <v>0</v>
          </cell>
          <cell r="W149">
            <v>0</v>
          </cell>
          <cell r="X149">
            <v>0</v>
          </cell>
          <cell r="Y149">
            <v>0</v>
          </cell>
          <cell r="Z149">
            <v>0</v>
          </cell>
          <cell r="AA149">
            <v>0</v>
          </cell>
          <cell r="AB149">
            <v>0</v>
          </cell>
        </row>
        <row r="150">
          <cell r="A150" t="str">
            <v>ALM_assicura_FL</v>
          </cell>
          <cell r="V150">
            <v>0</v>
          </cell>
          <cell r="W150">
            <v>0</v>
          </cell>
          <cell r="X150">
            <v>0</v>
          </cell>
          <cell r="Y150">
            <v>0</v>
          </cell>
          <cell r="Z150">
            <v>0</v>
          </cell>
          <cell r="AA150">
            <v>0</v>
          </cell>
          <cell r="AB150">
            <v>0</v>
          </cell>
        </row>
        <row r="151">
          <cell r="A151" t="str">
            <v>FUO_assicura_FL</v>
          </cell>
          <cell r="V151">
            <v>0</v>
          </cell>
          <cell r="W151">
            <v>0</v>
          </cell>
          <cell r="X151">
            <v>0</v>
          </cell>
          <cell r="Y151">
            <v>0</v>
          </cell>
          <cell r="Z151">
            <v>0</v>
          </cell>
          <cell r="AA151">
            <v>0</v>
          </cell>
          <cell r="AB151">
            <v>0</v>
          </cell>
        </row>
        <row r="152">
          <cell r="A152" t="str">
            <v>XXX_assicura_FL</v>
          </cell>
          <cell r="V152">
            <v>145.0266525100003</v>
          </cell>
          <cell r="W152">
            <v>41.59704362999998</v>
          </cell>
          <cell r="X152">
            <v>41.59704362999998</v>
          </cell>
          <cell r="Y152">
            <v>160.97958428610036</v>
          </cell>
          <cell r="Z152">
            <v>180.29713440043241</v>
          </cell>
          <cell r="AA152">
            <v>203.73576187248858</v>
          </cell>
          <cell r="AB152">
            <v>232.258768534637</v>
          </cell>
        </row>
        <row r="153">
          <cell r="A153" t="str">
            <v>TOT_assicura_FL</v>
          </cell>
          <cell r="V153">
            <v>5992.567770130001</v>
          </cell>
          <cell r="W153">
            <v>1383.1018984399998</v>
          </cell>
          <cell r="X153">
            <v>2393.1758412900003</v>
          </cell>
          <cell r="Y153">
            <v>7718.5589195984003</v>
          </cell>
          <cell r="Z153">
            <v>7446.4554183358923</v>
          </cell>
          <cell r="AA153">
            <v>8412.5669643002075</v>
          </cell>
          <cell r="AB153">
            <v>9588.1673618725708</v>
          </cell>
        </row>
        <row r="154">
          <cell r="A154" t="str">
            <v>Val_GP_FL</v>
          </cell>
          <cell r="V154">
            <v>4.4865679999999992</v>
          </cell>
          <cell r="W154">
            <v>1.3462064599999997</v>
          </cell>
          <cell r="X154">
            <v>2.8653702700000001</v>
          </cell>
          <cell r="Y154">
            <v>4.7108963999999993</v>
          </cell>
          <cell r="Z154">
            <v>4.9935501839999992</v>
          </cell>
          <cell r="AA154">
            <v>5.3430986968799994</v>
          </cell>
          <cell r="AB154">
            <v>5.7705465926303994</v>
          </cell>
        </row>
        <row r="155">
          <cell r="A155" t="str">
            <v>Pre_GP_FL</v>
          </cell>
          <cell r="V155">
            <v>113.61448762000001</v>
          </cell>
          <cell r="W155">
            <v>25.715157659999999</v>
          </cell>
          <cell r="X155">
            <v>66.3478286</v>
          </cell>
          <cell r="Y155">
            <v>119.29521200100001</v>
          </cell>
          <cell r="Z155">
            <v>126.45292472106001</v>
          </cell>
          <cell r="AA155">
            <v>135.30462945153423</v>
          </cell>
          <cell r="AB155">
            <v>146.12899980765698</v>
          </cell>
        </row>
        <row r="156">
          <cell r="A156" t="str">
            <v>Sma_GP_FL</v>
          </cell>
          <cell r="V156">
            <v>6.1655231099999996</v>
          </cell>
          <cell r="W156">
            <v>3.8726627300000001</v>
          </cell>
          <cell r="X156">
            <v>2.87576981</v>
          </cell>
          <cell r="Y156">
            <v>6.4737992655000003</v>
          </cell>
          <cell r="Z156">
            <v>6.8622272214300004</v>
          </cell>
          <cell r="AA156">
            <v>7.3425831269301005</v>
          </cell>
          <cell r="AB156">
            <v>7.9299897770845087</v>
          </cell>
        </row>
        <row r="157">
          <cell r="A157" t="str">
            <v>Pri_GP_FL</v>
          </cell>
          <cell r="V157">
            <v>1029.8474652000002</v>
          </cell>
          <cell r="W157">
            <v>438.92712265000006</v>
          </cell>
          <cell r="X157">
            <v>703.37767621000012</v>
          </cell>
          <cell r="Y157">
            <v>981.33983846000024</v>
          </cell>
          <cell r="Z157">
            <v>1046.2202287676002</v>
          </cell>
          <cell r="AA157">
            <v>1126.4556447813322</v>
          </cell>
          <cell r="AB157">
            <v>1224.5720963638389</v>
          </cell>
        </row>
        <row r="158">
          <cell r="A158" t="str">
            <v>Fam_GP_FL</v>
          </cell>
          <cell r="V158">
            <v>98.623767979999982</v>
          </cell>
          <cell r="W158">
            <v>31.154821959999996</v>
          </cell>
          <cell r="X158">
            <v>76.702235299999998</v>
          </cell>
          <cell r="Y158">
            <v>103.55495637899999</v>
          </cell>
          <cell r="Z158">
            <v>109.76825376174</v>
          </cell>
          <cell r="AA158">
            <v>117.45203152506181</v>
          </cell>
          <cell r="AB158">
            <v>126.84819404706677</v>
          </cell>
        </row>
        <row r="159">
          <cell r="A159" t="str">
            <v>PMI_GP_FL</v>
          </cell>
          <cell r="V159">
            <v>0.61700032000000005</v>
          </cell>
          <cell r="W159">
            <v>6.2</v>
          </cell>
          <cell r="X159">
            <v>6.2</v>
          </cell>
          <cell r="Y159">
            <v>0.64785033600000008</v>
          </cell>
          <cell r="Z159">
            <v>0.68672135616000007</v>
          </cell>
          <cell r="AA159">
            <v>0.73479185109120015</v>
          </cell>
          <cell r="AB159">
            <v>0.79357519917849617</v>
          </cell>
        </row>
        <row r="160">
          <cell r="A160" t="str">
            <v>ENT_GP_FL</v>
          </cell>
          <cell r="V160">
            <v>33.666804469999995</v>
          </cell>
          <cell r="W160">
            <v>0</v>
          </cell>
          <cell r="X160">
            <v>0</v>
          </cell>
          <cell r="Y160">
            <v>35.350144693499999</v>
          </cell>
          <cell r="Z160">
            <v>37.471153375109999</v>
          </cell>
          <cell r="AA160">
            <v>40.094134111367701</v>
          </cell>
          <cell r="AB160">
            <v>43.30166484027712</v>
          </cell>
        </row>
        <row r="161">
          <cell r="A161" t="str">
            <v>Cor_GP_FL</v>
          </cell>
          <cell r="V161">
            <v>0</v>
          </cell>
          <cell r="W161">
            <v>0</v>
          </cell>
          <cell r="X161">
            <v>0</v>
          </cell>
          <cell r="Y161">
            <v>0</v>
          </cell>
          <cell r="Z161">
            <v>0</v>
          </cell>
          <cell r="AA161">
            <v>0</v>
          </cell>
          <cell r="AB161">
            <v>0</v>
          </cell>
        </row>
        <row r="162">
          <cell r="A162" t="str">
            <v>Gra_GP_FL</v>
          </cell>
          <cell r="V162">
            <v>0</v>
          </cell>
          <cell r="W162">
            <v>0</v>
          </cell>
          <cell r="X162">
            <v>0</v>
          </cell>
          <cell r="Y162">
            <v>0</v>
          </cell>
          <cell r="Z162">
            <v>0</v>
          </cell>
          <cell r="AA162">
            <v>0</v>
          </cell>
          <cell r="AB162">
            <v>0</v>
          </cell>
        </row>
        <row r="163">
          <cell r="A163" t="str">
            <v>FEX_GP_FL</v>
          </cell>
          <cell r="V163">
            <v>0</v>
          </cell>
          <cell r="W163">
            <v>0</v>
          </cell>
          <cell r="X163">
            <v>0</v>
          </cell>
          <cell r="Y163">
            <v>0</v>
          </cell>
          <cell r="Z163">
            <v>0</v>
          </cell>
          <cell r="AA163">
            <v>0</v>
          </cell>
          <cell r="AB163">
            <v>0</v>
          </cell>
        </row>
        <row r="164">
          <cell r="A164" t="str">
            <v>MCL_GP_FL</v>
          </cell>
          <cell r="V164">
            <v>0</v>
          </cell>
          <cell r="W164">
            <v>0</v>
          </cell>
          <cell r="X164">
            <v>0</v>
          </cell>
          <cell r="Y164">
            <v>0</v>
          </cell>
          <cell r="Z164">
            <v>0</v>
          </cell>
          <cell r="AA164">
            <v>0</v>
          </cell>
          <cell r="AB164">
            <v>0</v>
          </cell>
        </row>
        <row r="165">
          <cell r="A165" t="str">
            <v>MCG_GP_FL</v>
          </cell>
          <cell r="V165">
            <v>0</v>
          </cell>
          <cell r="W165">
            <v>0</v>
          </cell>
          <cell r="X165">
            <v>0</v>
          </cell>
          <cell r="Y165">
            <v>0</v>
          </cell>
          <cell r="Z165">
            <v>0</v>
          </cell>
          <cell r="AA165">
            <v>0</v>
          </cell>
          <cell r="AB165">
            <v>0</v>
          </cell>
        </row>
        <row r="166">
          <cell r="A166" t="str">
            <v>MLE_GP_FL</v>
          </cell>
          <cell r="V166">
            <v>0</v>
          </cell>
          <cell r="W166">
            <v>0</v>
          </cell>
          <cell r="X166">
            <v>0</v>
          </cell>
          <cell r="Y166">
            <v>0</v>
          </cell>
          <cell r="Z166">
            <v>0</v>
          </cell>
          <cell r="AA166">
            <v>0</v>
          </cell>
          <cell r="AB166">
            <v>0</v>
          </cell>
        </row>
        <row r="167">
          <cell r="A167" t="str">
            <v>MFA_GP_FL</v>
          </cell>
          <cell r="V167">
            <v>0</v>
          </cell>
          <cell r="W167">
            <v>0</v>
          </cell>
          <cell r="X167">
            <v>0</v>
          </cell>
          <cell r="Y167">
            <v>0</v>
          </cell>
          <cell r="Z167">
            <v>0</v>
          </cell>
          <cell r="AA167">
            <v>0</v>
          </cell>
          <cell r="AB167">
            <v>0</v>
          </cell>
        </row>
        <row r="168">
          <cell r="A168" t="str">
            <v>MBQ_GP_FL</v>
          </cell>
          <cell r="V168">
            <v>0</v>
          </cell>
          <cell r="W168">
            <v>0</v>
          </cell>
          <cell r="X168">
            <v>0</v>
          </cell>
          <cell r="Y168">
            <v>0</v>
          </cell>
          <cell r="Z168">
            <v>0</v>
          </cell>
          <cell r="AA168">
            <v>0</v>
          </cell>
          <cell r="AB168">
            <v>0</v>
          </cell>
        </row>
        <row r="169">
          <cell r="A169" t="str">
            <v>MBG_GP_FL</v>
          </cell>
          <cell r="V169">
            <v>0</v>
          </cell>
          <cell r="W169">
            <v>0</v>
          </cell>
          <cell r="X169">
            <v>0</v>
          </cell>
          <cell r="Y169">
            <v>0</v>
          </cell>
          <cell r="Z169">
            <v>0</v>
          </cell>
          <cell r="AA169">
            <v>0</v>
          </cell>
          <cell r="AB169">
            <v>0</v>
          </cell>
        </row>
        <row r="170">
          <cell r="A170" t="str">
            <v>WID_GP_FL</v>
          </cell>
          <cell r="V170">
            <v>203.48321300000001</v>
          </cell>
          <cell r="W170">
            <v>20.80857</v>
          </cell>
          <cell r="X170">
            <v>0</v>
          </cell>
          <cell r="Y170">
            <v>213.65737365000001</v>
          </cell>
          <cell r="Z170">
            <v>226.47681606900002</v>
          </cell>
          <cell r="AA170">
            <v>242.33019319383004</v>
          </cell>
          <cell r="AB170">
            <v>261.71660864933648</v>
          </cell>
        </row>
        <row r="171">
          <cell r="A171" t="str">
            <v>FIN_GP_FL</v>
          </cell>
          <cell r="V171">
            <v>0</v>
          </cell>
          <cell r="W171">
            <v>0</v>
          </cell>
          <cell r="X171">
            <v>0</v>
          </cell>
          <cell r="Y171">
            <v>0</v>
          </cell>
          <cell r="Z171">
            <v>0</v>
          </cell>
          <cell r="AA171">
            <v>0</v>
          </cell>
          <cell r="AB171">
            <v>0</v>
          </cell>
        </row>
        <row r="172">
          <cell r="A172" t="str">
            <v>ALM_GP_FL</v>
          </cell>
          <cell r="V172">
            <v>0</v>
          </cell>
          <cell r="W172">
            <v>0</v>
          </cell>
          <cell r="X172">
            <v>0</v>
          </cell>
          <cell r="Y172">
            <v>0</v>
          </cell>
          <cell r="Z172">
            <v>0</v>
          </cell>
          <cell r="AA172">
            <v>0</v>
          </cell>
          <cell r="AB172">
            <v>0</v>
          </cell>
        </row>
        <row r="173">
          <cell r="A173" t="str">
            <v>FUO_GP_FL</v>
          </cell>
          <cell r="V173">
            <v>0</v>
          </cell>
          <cell r="W173">
            <v>0</v>
          </cell>
          <cell r="X173">
            <v>0</v>
          </cell>
          <cell r="Y173">
            <v>0</v>
          </cell>
          <cell r="Z173">
            <v>0</v>
          </cell>
          <cell r="AA173">
            <v>0</v>
          </cell>
          <cell r="AB173">
            <v>0</v>
          </cell>
        </row>
        <row r="174">
          <cell r="A174" t="str">
            <v>XXX_GP_FL</v>
          </cell>
          <cell r="V174">
            <v>0</v>
          </cell>
          <cell r="W174">
            <v>-4.58899999999994</v>
          </cell>
          <cell r="X174">
            <v>-4.58899999999994</v>
          </cell>
          <cell r="Y174">
            <v>0</v>
          </cell>
          <cell r="Z174">
            <v>0</v>
          </cell>
          <cell r="AA174">
            <v>0</v>
          </cell>
          <cell r="AB174">
            <v>0</v>
          </cell>
        </row>
        <row r="175">
          <cell r="A175" t="str">
            <v>TOT_GP_FL</v>
          </cell>
          <cell r="V175">
            <v>1490.5048297000001</v>
          </cell>
          <cell r="W175">
            <v>523.43554146000008</v>
          </cell>
          <cell r="X175">
            <v>853.7798801900002</v>
          </cell>
          <cell r="Y175">
            <v>1465.030071185</v>
          </cell>
          <cell r="Z175">
            <v>1558.9318754561002</v>
          </cell>
          <cell r="AA175">
            <v>1675.0571067380274</v>
          </cell>
          <cell r="AB175">
            <v>1817.0616752770698</v>
          </cell>
        </row>
        <row r="176">
          <cell r="A176" t="str">
            <v>Val_Fondi_FL</v>
          </cell>
          <cell r="V176">
            <v>888.39597841000011</v>
          </cell>
          <cell r="W176">
            <v>307.16052710000002</v>
          </cell>
          <cell r="X176">
            <v>665.64644752000004</v>
          </cell>
          <cell r="Y176">
            <v>888.39597841000011</v>
          </cell>
          <cell r="Z176">
            <v>897.27993819410017</v>
          </cell>
          <cell r="AA176">
            <v>915.22553695798217</v>
          </cell>
          <cell r="AB176">
            <v>942.68230306672172</v>
          </cell>
        </row>
        <row r="177">
          <cell r="A177" t="str">
            <v>Pre_Fondi_FL</v>
          </cell>
          <cell r="V177">
            <v>6356.6042109</v>
          </cell>
          <cell r="W177">
            <v>1480.06807359</v>
          </cell>
          <cell r="X177">
            <v>3320.7883589199996</v>
          </cell>
          <cell r="Y177">
            <v>6056.6042109</v>
          </cell>
          <cell r="Z177">
            <v>6420.1702530089997</v>
          </cell>
          <cell r="AA177">
            <v>6548.5736580691801</v>
          </cell>
          <cell r="AB177">
            <v>6745.030867811256</v>
          </cell>
        </row>
        <row r="178">
          <cell r="A178" t="str">
            <v>Sma_Fondi_FL</v>
          </cell>
          <cell r="V178">
            <v>865.19978303000005</v>
          </cell>
          <cell r="W178">
            <v>72.143114639999993</v>
          </cell>
          <cell r="X178">
            <v>139.72658092</v>
          </cell>
          <cell r="Y178">
            <v>465.19978303000005</v>
          </cell>
          <cell r="Z178">
            <v>873.8517808603001</v>
          </cell>
          <cell r="AA178">
            <v>891.32881647750617</v>
          </cell>
          <cell r="AB178">
            <v>918.06868097183133</v>
          </cell>
        </row>
        <row r="179">
          <cell r="A179" t="str">
            <v>Pri_Fondi_FL</v>
          </cell>
          <cell r="V179">
            <v>1710.84883565</v>
          </cell>
          <cell r="W179">
            <v>318.78635704000004</v>
          </cell>
          <cell r="X179">
            <v>600.78196800000001</v>
          </cell>
          <cell r="Y179">
            <v>1410.84883565</v>
          </cell>
          <cell r="Z179">
            <v>1727.9573240064999</v>
          </cell>
          <cell r="AA179">
            <v>1762.5164704866299</v>
          </cell>
          <cell r="AB179">
            <v>1815.3919646012289</v>
          </cell>
        </row>
        <row r="180">
          <cell r="A180" t="str">
            <v>Fam_Fondi_FL</v>
          </cell>
          <cell r="V180">
            <v>245.39747105000004</v>
          </cell>
          <cell r="W180">
            <v>39.008160620000005</v>
          </cell>
          <cell r="X180">
            <v>76.548885359999986</v>
          </cell>
          <cell r="Y180">
            <v>245.39747105000004</v>
          </cell>
          <cell r="Z180">
            <v>247.85144576050004</v>
          </cell>
          <cell r="AA180">
            <v>252.80847467571004</v>
          </cell>
          <cell r="AB180">
            <v>260.39272891598137</v>
          </cell>
        </row>
        <row r="181">
          <cell r="A181" t="str">
            <v>PMI_Fondi_FL</v>
          </cell>
          <cell r="V181">
            <v>19.784142119999998</v>
          </cell>
          <cell r="W181">
            <v>23.745003670000003</v>
          </cell>
          <cell r="X181">
            <v>29.003928670000001</v>
          </cell>
          <cell r="Y181">
            <v>19.784142119999998</v>
          </cell>
          <cell r="Z181">
            <v>19.981983541199998</v>
          </cell>
          <cell r="AA181">
            <v>20.381623212024</v>
          </cell>
          <cell r="AB181">
            <v>20.993071908384721</v>
          </cell>
        </row>
        <row r="182">
          <cell r="A182" t="str">
            <v>ENT_Fondi_FL</v>
          </cell>
          <cell r="V182">
            <v>5.0811999999999999</v>
          </cell>
          <cell r="W182">
            <v>0.99050000000000005</v>
          </cell>
          <cell r="X182">
            <v>1.5085999999999999</v>
          </cell>
          <cell r="Y182">
            <v>5.0811999999999999</v>
          </cell>
          <cell r="Z182">
            <v>5.1320119999999996</v>
          </cell>
          <cell r="AA182">
            <v>5.23465224</v>
          </cell>
          <cell r="AB182">
            <v>5.3916918072</v>
          </cell>
        </row>
        <row r="183">
          <cell r="A183" t="str">
            <v>Cor_Fondi_FL</v>
          </cell>
          <cell r="V183">
            <v>26.48</v>
          </cell>
          <cell r="W183">
            <v>11.403175789999999</v>
          </cell>
          <cell r="X183">
            <v>19.053175789999997</v>
          </cell>
          <cell r="Y183">
            <v>26.48</v>
          </cell>
          <cell r="Z183">
            <v>26.744800000000001</v>
          </cell>
          <cell r="AA183">
            <v>27.279696000000001</v>
          </cell>
          <cell r="AB183">
            <v>28.09808688</v>
          </cell>
        </row>
        <row r="184">
          <cell r="A184" t="str">
            <v>Gra_Fondi_FL</v>
          </cell>
          <cell r="V184">
            <v>0</v>
          </cell>
          <cell r="W184">
            <v>0</v>
          </cell>
          <cell r="X184">
            <v>0</v>
          </cell>
          <cell r="Y184">
            <v>0</v>
          </cell>
          <cell r="Z184">
            <v>0</v>
          </cell>
          <cell r="AA184">
            <v>0</v>
          </cell>
          <cell r="AB184">
            <v>0</v>
          </cell>
        </row>
        <row r="185">
          <cell r="A185" t="str">
            <v>FEX_Fondi_FL</v>
          </cell>
          <cell r="V185">
            <v>0</v>
          </cell>
          <cell r="W185">
            <v>0</v>
          </cell>
          <cell r="X185">
            <v>0</v>
          </cell>
          <cell r="Y185">
            <v>0</v>
          </cell>
          <cell r="Z185">
            <v>0</v>
          </cell>
          <cell r="AA185">
            <v>0</v>
          </cell>
          <cell r="AB185">
            <v>0</v>
          </cell>
        </row>
        <row r="186">
          <cell r="A186" t="str">
            <v>MCL_Fondi_FL</v>
          </cell>
          <cell r="V186">
            <v>0</v>
          </cell>
          <cell r="W186">
            <v>0</v>
          </cell>
          <cell r="X186">
            <v>0</v>
          </cell>
          <cell r="Y186">
            <v>0</v>
          </cell>
          <cell r="Z186">
            <v>0</v>
          </cell>
          <cell r="AA186">
            <v>0</v>
          </cell>
          <cell r="AB186">
            <v>0</v>
          </cell>
        </row>
        <row r="187">
          <cell r="A187" t="str">
            <v>MCG_Fondi_FL</v>
          </cell>
          <cell r="V187">
            <v>0</v>
          </cell>
          <cell r="W187">
            <v>0</v>
          </cell>
          <cell r="X187">
            <v>0</v>
          </cell>
          <cell r="Y187">
            <v>0</v>
          </cell>
          <cell r="Z187">
            <v>0</v>
          </cell>
          <cell r="AA187">
            <v>0</v>
          </cell>
          <cell r="AB187">
            <v>0</v>
          </cell>
        </row>
        <row r="188">
          <cell r="A188" t="str">
            <v>MLE_Fondi_FL</v>
          </cell>
          <cell r="V188">
            <v>0</v>
          </cell>
          <cell r="W188">
            <v>0</v>
          </cell>
          <cell r="X188">
            <v>0</v>
          </cell>
          <cell r="Y188">
            <v>0</v>
          </cell>
          <cell r="Z188">
            <v>0</v>
          </cell>
          <cell r="AA188">
            <v>0</v>
          </cell>
          <cell r="AB188">
            <v>0</v>
          </cell>
        </row>
        <row r="189">
          <cell r="A189" t="str">
            <v>MFA_Fondi_FL</v>
          </cell>
          <cell r="V189">
            <v>0</v>
          </cell>
          <cell r="W189">
            <v>0</v>
          </cell>
          <cell r="X189">
            <v>0</v>
          </cell>
          <cell r="Y189">
            <v>0</v>
          </cell>
          <cell r="Z189">
            <v>0</v>
          </cell>
          <cell r="AA189">
            <v>0</v>
          </cell>
          <cell r="AB189">
            <v>0</v>
          </cell>
        </row>
        <row r="190">
          <cell r="A190" t="str">
            <v>MBQ_Fondi_FL</v>
          </cell>
          <cell r="V190">
            <v>0</v>
          </cell>
          <cell r="W190">
            <v>0</v>
          </cell>
          <cell r="X190">
            <v>0</v>
          </cell>
          <cell r="Y190">
            <v>0</v>
          </cell>
          <cell r="Z190">
            <v>0</v>
          </cell>
          <cell r="AA190">
            <v>0</v>
          </cell>
          <cell r="AB190">
            <v>0</v>
          </cell>
        </row>
        <row r="191">
          <cell r="A191" t="str">
            <v>MBG_Fondi_FL</v>
          </cell>
          <cell r="V191">
            <v>0</v>
          </cell>
          <cell r="W191">
            <v>0</v>
          </cell>
          <cell r="X191">
            <v>0</v>
          </cell>
          <cell r="Y191">
            <v>0</v>
          </cell>
          <cell r="Z191">
            <v>0</v>
          </cell>
          <cell r="AA191">
            <v>0</v>
          </cell>
          <cell r="AB191">
            <v>0</v>
          </cell>
        </row>
        <row r="192">
          <cell r="A192" t="str">
            <v>WID_Fondi_FL</v>
          </cell>
          <cell r="V192">
            <v>902.77485200000001</v>
          </cell>
          <cell r="W192">
            <v>165.204534</v>
          </cell>
          <cell r="X192">
            <v>306.760107</v>
          </cell>
          <cell r="Y192">
            <v>902.77485200000001</v>
          </cell>
          <cell r="Z192">
            <v>911.80260052000006</v>
          </cell>
          <cell r="AA192">
            <v>930.0386525304001</v>
          </cell>
          <cell r="AB192">
            <v>957.93981210631216</v>
          </cell>
        </row>
        <row r="193">
          <cell r="A193" t="str">
            <v>FIN_Fondi_FL</v>
          </cell>
          <cell r="V193">
            <v>0</v>
          </cell>
          <cell r="W193">
            <v>0</v>
          </cell>
          <cell r="X193">
            <v>0</v>
          </cell>
          <cell r="Y193">
            <v>0</v>
          </cell>
          <cell r="Z193">
            <v>0</v>
          </cell>
          <cell r="AA193">
            <v>0</v>
          </cell>
          <cell r="AB193">
            <v>0</v>
          </cell>
        </row>
        <row r="194">
          <cell r="A194" t="str">
            <v>ALM_Fondi_FL</v>
          </cell>
          <cell r="V194">
            <v>0</v>
          </cell>
          <cell r="W194">
            <v>0</v>
          </cell>
          <cell r="X194">
            <v>0</v>
          </cell>
          <cell r="Y194">
            <v>0</v>
          </cell>
          <cell r="Z194">
            <v>0</v>
          </cell>
          <cell r="AA194">
            <v>0</v>
          </cell>
          <cell r="AB194">
            <v>0</v>
          </cell>
        </row>
        <row r="195">
          <cell r="A195" t="str">
            <v>FUO_Fondi_FL</v>
          </cell>
          <cell r="V195">
            <v>0</v>
          </cell>
          <cell r="W195">
            <v>0</v>
          </cell>
          <cell r="X195">
            <v>0</v>
          </cell>
          <cell r="Y195">
            <v>0</v>
          </cell>
          <cell r="Z195">
            <v>0</v>
          </cell>
          <cell r="AA195">
            <v>0</v>
          </cell>
          <cell r="AB195">
            <v>0</v>
          </cell>
        </row>
        <row r="196">
          <cell r="A196" t="str">
            <v>XXX_Fondi_FL</v>
          </cell>
          <cell r="V196">
            <v>0</v>
          </cell>
          <cell r="W196">
            <v>-7.2120000000009004</v>
          </cell>
          <cell r="X196">
            <v>-7.2120000000009004</v>
          </cell>
          <cell r="Y196">
            <v>0</v>
          </cell>
          <cell r="Z196">
            <v>0</v>
          </cell>
          <cell r="AA196">
            <v>0</v>
          </cell>
          <cell r="AB196">
            <v>0</v>
          </cell>
        </row>
        <row r="197">
          <cell r="A197" t="str">
            <v>TOT_Fondi_FL</v>
          </cell>
          <cell r="V197">
            <v>11020.566473159999</v>
          </cell>
          <cell r="W197">
            <v>2411.2974464499998</v>
          </cell>
          <cell r="X197">
            <v>5152.6060521799991</v>
          </cell>
          <cell r="Y197">
            <v>10020.566473159999</v>
          </cell>
          <cell r="Z197">
            <v>11130.772137891601</v>
          </cell>
          <cell r="AA197">
            <v>11353.387580649432</v>
          </cell>
          <cell r="AB197">
            <v>11693.989208068915</v>
          </cell>
        </row>
        <row r="199">
          <cell r="A199" t="str">
            <v>Val_govies_FL</v>
          </cell>
          <cell r="V199">
            <v>0</v>
          </cell>
          <cell r="W199">
            <v>0</v>
          </cell>
          <cell r="X199">
            <v>0</v>
          </cell>
          <cell r="Y199">
            <v>0</v>
          </cell>
          <cell r="Z199">
            <v>0</v>
          </cell>
          <cell r="AA199">
            <v>0</v>
          </cell>
          <cell r="AB199">
            <v>0</v>
          </cell>
        </row>
        <row r="200">
          <cell r="A200" t="str">
            <v>Pre_govies_FL</v>
          </cell>
          <cell r="V200">
            <v>0</v>
          </cell>
          <cell r="W200">
            <v>0</v>
          </cell>
          <cell r="X200">
            <v>0</v>
          </cell>
          <cell r="Y200">
            <v>0</v>
          </cell>
          <cell r="Z200">
            <v>0</v>
          </cell>
          <cell r="AA200">
            <v>0</v>
          </cell>
          <cell r="AB200">
            <v>0</v>
          </cell>
        </row>
        <row r="201">
          <cell r="A201" t="str">
            <v>Sma_govies_FL</v>
          </cell>
          <cell r="V201">
            <v>0</v>
          </cell>
          <cell r="W201">
            <v>0</v>
          </cell>
          <cell r="X201">
            <v>0</v>
          </cell>
          <cell r="Y201">
            <v>0</v>
          </cell>
          <cell r="Z201">
            <v>0</v>
          </cell>
          <cell r="AA201">
            <v>0</v>
          </cell>
          <cell r="AB201">
            <v>0</v>
          </cell>
        </row>
        <row r="202">
          <cell r="A202" t="str">
            <v>Pri_govies_FL</v>
          </cell>
          <cell r="V202">
            <v>0</v>
          </cell>
          <cell r="W202">
            <v>0</v>
          </cell>
          <cell r="X202">
            <v>0</v>
          </cell>
          <cell r="Y202">
            <v>0</v>
          </cell>
          <cell r="Z202">
            <v>0</v>
          </cell>
          <cell r="AA202">
            <v>0</v>
          </cell>
          <cell r="AB202">
            <v>0</v>
          </cell>
        </row>
        <row r="203">
          <cell r="A203" t="str">
            <v>Fam_govies_FL</v>
          </cell>
          <cell r="V203">
            <v>0</v>
          </cell>
          <cell r="W203">
            <v>0</v>
          </cell>
          <cell r="X203">
            <v>0</v>
          </cell>
          <cell r="Y203">
            <v>0</v>
          </cell>
          <cell r="Z203">
            <v>0</v>
          </cell>
          <cell r="AA203">
            <v>0</v>
          </cell>
          <cell r="AB203">
            <v>0</v>
          </cell>
        </row>
        <row r="204">
          <cell r="A204" t="str">
            <v>PMI_govies_FL</v>
          </cell>
          <cell r="V204">
            <v>0</v>
          </cell>
          <cell r="W204">
            <v>0</v>
          </cell>
          <cell r="X204">
            <v>0</v>
          </cell>
          <cell r="Y204">
            <v>0</v>
          </cell>
          <cell r="Z204">
            <v>0</v>
          </cell>
          <cell r="AA204">
            <v>0</v>
          </cell>
          <cell r="AB204">
            <v>0</v>
          </cell>
        </row>
        <row r="205">
          <cell r="A205" t="str">
            <v>ENT_govies_FL</v>
          </cell>
          <cell r="V205">
            <v>0</v>
          </cell>
          <cell r="W205">
            <v>0</v>
          </cell>
          <cell r="X205">
            <v>0</v>
          </cell>
          <cell r="Y205">
            <v>0</v>
          </cell>
          <cell r="Z205">
            <v>0</v>
          </cell>
          <cell r="AA205">
            <v>0</v>
          </cell>
          <cell r="AB205">
            <v>0</v>
          </cell>
        </row>
        <row r="206">
          <cell r="A206" t="str">
            <v>Cor_govies_FL</v>
          </cell>
          <cell r="V206">
            <v>0</v>
          </cell>
          <cell r="W206">
            <v>0</v>
          </cell>
          <cell r="X206">
            <v>0</v>
          </cell>
          <cell r="Y206">
            <v>0</v>
          </cell>
          <cell r="Z206">
            <v>0</v>
          </cell>
          <cell r="AA206">
            <v>0</v>
          </cell>
          <cell r="AB206">
            <v>0</v>
          </cell>
        </row>
        <row r="207">
          <cell r="A207" t="str">
            <v>Gra_govies_FL</v>
          </cell>
          <cell r="V207">
            <v>0</v>
          </cell>
          <cell r="W207">
            <v>0</v>
          </cell>
          <cell r="X207">
            <v>0</v>
          </cell>
          <cell r="Y207">
            <v>0</v>
          </cell>
          <cell r="Z207">
            <v>0</v>
          </cell>
          <cell r="AA207">
            <v>0</v>
          </cell>
          <cell r="AB207">
            <v>0</v>
          </cell>
        </row>
        <row r="208">
          <cell r="A208" t="str">
            <v>FEX_govies_FL</v>
          </cell>
          <cell r="V208">
            <v>0</v>
          </cell>
          <cell r="W208">
            <v>0</v>
          </cell>
          <cell r="X208">
            <v>0</v>
          </cell>
          <cell r="Y208">
            <v>0</v>
          </cell>
          <cell r="Z208">
            <v>0</v>
          </cell>
          <cell r="AA208">
            <v>0</v>
          </cell>
          <cell r="AB208">
            <v>0</v>
          </cell>
        </row>
        <row r="209">
          <cell r="A209" t="str">
            <v>MCL_govies_FL</v>
          </cell>
          <cell r="V209">
            <v>0</v>
          </cell>
          <cell r="W209">
            <v>0</v>
          </cell>
          <cell r="X209">
            <v>0</v>
          </cell>
          <cell r="Y209">
            <v>0</v>
          </cell>
          <cell r="Z209">
            <v>0</v>
          </cell>
          <cell r="AA209">
            <v>0</v>
          </cell>
          <cell r="AB209">
            <v>0</v>
          </cell>
        </row>
        <row r="210">
          <cell r="A210" t="str">
            <v>MCG_govies_FL</v>
          </cell>
          <cell r="V210">
            <v>0</v>
          </cell>
          <cell r="W210">
            <v>0</v>
          </cell>
          <cell r="X210">
            <v>0</v>
          </cell>
          <cell r="Y210">
            <v>0</v>
          </cell>
          <cell r="Z210">
            <v>0</v>
          </cell>
          <cell r="AA210">
            <v>0</v>
          </cell>
          <cell r="AB210">
            <v>0</v>
          </cell>
        </row>
        <row r="211">
          <cell r="A211" t="str">
            <v>MLE_govies_FL</v>
          </cell>
          <cell r="V211">
            <v>0</v>
          </cell>
          <cell r="W211">
            <v>0</v>
          </cell>
          <cell r="X211">
            <v>0</v>
          </cell>
          <cell r="Y211">
            <v>0</v>
          </cell>
          <cell r="Z211">
            <v>0</v>
          </cell>
          <cell r="AA211">
            <v>0</v>
          </cell>
          <cell r="AB211">
            <v>0</v>
          </cell>
        </row>
        <row r="212">
          <cell r="A212" t="str">
            <v>MFA_govies_FL</v>
          </cell>
          <cell r="V212">
            <v>0</v>
          </cell>
          <cell r="W212">
            <v>0</v>
          </cell>
          <cell r="X212">
            <v>0</v>
          </cell>
          <cell r="Y212">
            <v>0</v>
          </cell>
          <cell r="Z212">
            <v>0</v>
          </cell>
          <cell r="AA212">
            <v>0</v>
          </cell>
          <cell r="AB212">
            <v>0</v>
          </cell>
        </row>
        <row r="213">
          <cell r="A213" t="str">
            <v>MBQ_govies_FL</v>
          </cell>
          <cell r="V213">
            <v>0</v>
          </cell>
          <cell r="W213">
            <v>0</v>
          </cell>
          <cell r="X213">
            <v>0</v>
          </cell>
          <cell r="Y213">
            <v>0</v>
          </cell>
          <cell r="Z213">
            <v>0</v>
          </cell>
          <cell r="AA213">
            <v>0</v>
          </cell>
          <cell r="AB213">
            <v>0</v>
          </cell>
        </row>
        <row r="214">
          <cell r="A214" t="str">
            <v>MBG_govies_FL</v>
          </cell>
          <cell r="V214">
            <v>0</v>
          </cell>
          <cell r="W214">
            <v>0</v>
          </cell>
          <cell r="X214">
            <v>0</v>
          </cell>
          <cell r="Y214">
            <v>0</v>
          </cell>
          <cell r="Z214">
            <v>0</v>
          </cell>
          <cell r="AA214">
            <v>0</v>
          </cell>
          <cell r="AB214">
            <v>0</v>
          </cell>
        </row>
        <row r="215">
          <cell r="A215" t="str">
            <v>WID_govies_FL</v>
          </cell>
          <cell r="V215">
            <v>0</v>
          </cell>
          <cell r="W215">
            <v>0</v>
          </cell>
          <cell r="X215">
            <v>0</v>
          </cell>
          <cell r="Y215">
            <v>0</v>
          </cell>
          <cell r="Z215">
            <v>0</v>
          </cell>
          <cell r="AA215">
            <v>0</v>
          </cell>
          <cell r="AB215">
            <v>0</v>
          </cell>
        </row>
        <row r="216">
          <cell r="A216" t="str">
            <v>FIN_govies_FL</v>
          </cell>
          <cell r="V216">
            <v>0</v>
          </cell>
          <cell r="W216">
            <v>0</v>
          </cell>
          <cell r="X216">
            <v>0</v>
          </cell>
          <cell r="Y216">
            <v>0</v>
          </cell>
          <cell r="Z216">
            <v>0</v>
          </cell>
          <cell r="AA216">
            <v>0</v>
          </cell>
          <cell r="AB216">
            <v>0</v>
          </cell>
        </row>
        <row r="217">
          <cell r="A217" t="str">
            <v>ALM_govies_FL</v>
          </cell>
          <cell r="V217">
            <v>0</v>
          </cell>
          <cell r="W217">
            <v>0</v>
          </cell>
          <cell r="X217">
            <v>0</v>
          </cell>
          <cell r="Y217">
            <v>0</v>
          </cell>
          <cell r="Z217">
            <v>0</v>
          </cell>
          <cell r="AA217">
            <v>0</v>
          </cell>
          <cell r="AB217">
            <v>0</v>
          </cell>
        </row>
        <row r="218">
          <cell r="A218" t="str">
            <v>FUO_govies_FL</v>
          </cell>
          <cell r="V218">
            <v>0</v>
          </cell>
          <cell r="W218">
            <v>0</v>
          </cell>
          <cell r="X218">
            <v>0</v>
          </cell>
          <cell r="Y218">
            <v>0</v>
          </cell>
          <cell r="Z218">
            <v>0</v>
          </cell>
          <cell r="AA218">
            <v>0</v>
          </cell>
          <cell r="AB218">
            <v>0</v>
          </cell>
        </row>
        <row r="219">
          <cell r="A219" t="str">
            <v>XXX_govies_FL</v>
          </cell>
          <cell r="V219">
            <v>0</v>
          </cell>
          <cell r="W219">
            <v>0</v>
          </cell>
          <cell r="X219">
            <v>0</v>
          </cell>
          <cell r="Y219">
            <v>0</v>
          </cell>
          <cell r="Z219">
            <v>0</v>
          </cell>
          <cell r="AA219">
            <v>0</v>
          </cell>
          <cell r="AB219">
            <v>0</v>
          </cell>
        </row>
        <row r="220">
          <cell r="A220" t="str">
            <v>TOT_govies_FL</v>
          </cell>
          <cell r="V220">
            <v>0</v>
          </cell>
          <cell r="W220">
            <v>0</v>
          </cell>
          <cell r="X220">
            <v>0</v>
          </cell>
          <cell r="Y220">
            <v>0</v>
          </cell>
          <cell r="Z220">
            <v>0</v>
          </cell>
          <cell r="AA220">
            <v>0</v>
          </cell>
          <cell r="AB220">
            <v>0</v>
          </cell>
        </row>
        <row r="221">
          <cell r="A221" t="str">
            <v>Val_carta_terzi_FL</v>
          </cell>
          <cell r="V221">
            <v>46.583666630000003</v>
          </cell>
          <cell r="W221">
            <v>9.3720309499999992</v>
          </cell>
          <cell r="X221">
            <v>17.89396262</v>
          </cell>
          <cell r="Y221">
            <v>48.912849961500008</v>
          </cell>
          <cell r="Z221">
            <v>51.84762095919001</v>
          </cell>
          <cell r="AA221">
            <v>55.476954426333315</v>
          </cell>
          <cell r="AB221">
            <v>59.915110780439981</v>
          </cell>
        </row>
        <row r="222">
          <cell r="A222" t="str">
            <v>Pre_carta_terzi_FL</v>
          </cell>
          <cell r="V222">
            <v>439.61629318000007</v>
          </cell>
          <cell r="W222">
            <v>93.832307399999991</v>
          </cell>
          <cell r="X222">
            <v>204.76034786999998</v>
          </cell>
          <cell r="Y222">
            <v>461.5971078390001</v>
          </cell>
          <cell r="Z222">
            <v>489.29293430934013</v>
          </cell>
          <cell r="AA222">
            <v>523.54343971099399</v>
          </cell>
          <cell r="AB222">
            <v>565.42691488787352</v>
          </cell>
        </row>
        <row r="223">
          <cell r="A223" t="str">
            <v>Sma_carta_terzi_FL</v>
          </cell>
          <cell r="V223">
            <v>14.586597229999999</v>
          </cell>
          <cell r="W223">
            <v>1.97708387</v>
          </cell>
          <cell r="X223">
            <v>6.0344213700000005</v>
          </cell>
          <cell r="Y223">
            <v>15.315927091499999</v>
          </cell>
          <cell r="Z223">
            <v>16.234882716990001</v>
          </cell>
          <cell r="AA223">
            <v>17.371324507179303</v>
          </cell>
          <cell r="AB223">
            <v>18.761030467753649</v>
          </cell>
        </row>
        <row r="224">
          <cell r="A224" t="str">
            <v>Pri_carta_terzi_FL</v>
          </cell>
          <cell r="V224">
            <v>134.11184645000003</v>
          </cell>
          <cell r="W224">
            <v>30.962217510000002</v>
          </cell>
          <cell r="X224">
            <v>130.77773880999999</v>
          </cell>
          <cell r="Y224">
            <v>140.81743877250003</v>
          </cell>
          <cell r="Z224">
            <v>149.26648509885004</v>
          </cell>
          <cell r="AA224">
            <v>159.71513905576955</v>
          </cell>
          <cell r="AB224">
            <v>172.49235018023114</v>
          </cell>
        </row>
        <row r="225">
          <cell r="A225" t="str">
            <v>Fam_carta_terzi_FL</v>
          </cell>
          <cell r="V225">
            <v>22.300264969999997</v>
          </cell>
          <cell r="W225">
            <v>7.6575317099999998</v>
          </cell>
          <cell r="X225">
            <v>21.964258179999998</v>
          </cell>
          <cell r="Y225">
            <v>23.415278218499999</v>
          </cell>
          <cell r="Z225">
            <v>24.820194911609999</v>
          </cell>
          <cell r="AA225">
            <v>26.5576085554227</v>
          </cell>
          <cell r="AB225">
            <v>28.682217239856516</v>
          </cell>
        </row>
        <row r="226">
          <cell r="A226" t="str">
            <v>PMI_carta_terzi_FL</v>
          </cell>
          <cell r="V226">
            <v>0</v>
          </cell>
          <cell r="W226">
            <v>1.075799E-2</v>
          </cell>
          <cell r="X226">
            <v>6.9712880000000005E-2</v>
          </cell>
          <cell r="Y226">
            <v>0</v>
          </cell>
          <cell r="Z226">
            <v>0</v>
          </cell>
          <cell r="AA226">
            <v>0</v>
          </cell>
          <cell r="AB226">
            <v>0</v>
          </cell>
        </row>
        <row r="227">
          <cell r="A227" t="str">
            <v>ENT_carta_terzi_FL</v>
          </cell>
          <cell r="V227">
            <v>2.9774999999999999E-2</v>
          </cell>
          <cell r="W227">
            <v>0</v>
          </cell>
          <cell r="X227">
            <v>0</v>
          </cell>
          <cell r="Y227">
            <v>3.126375E-2</v>
          </cell>
          <cell r="Z227">
            <v>3.3139575000000004E-2</v>
          </cell>
          <cell r="AA227">
            <v>3.545934525000001E-2</v>
          </cell>
          <cell r="AB227">
            <v>3.8296092870000013E-2</v>
          </cell>
        </row>
        <row r="228">
          <cell r="A228" t="str">
            <v>Cor_carta_terzi_FL</v>
          </cell>
          <cell r="V228">
            <v>0</v>
          </cell>
          <cell r="W228">
            <v>0</v>
          </cell>
          <cell r="X228">
            <v>0</v>
          </cell>
          <cell r="Y228">
            <v>0</v>
          </cell>
          <cell r="Z228">
            <v>0</v>
          </cell>
          <cell r="AA228">
            <v>0</v>
          </cell>
          <cell r="AB228">
            <v>0</v>
          </cell>
        </row>
        <row r="229">
          <cell r="A229" t="str">
            <v>Gra_carta_terzi_FL</v>
          </cell>
          <cell r="V229">
            <v>0</v>
          </cell>
          <cell r="W229">
            <v>0</v>
          </cell>
          <cell r="X229">
            <v>0</v>
          </cell>
          <cell r="Y229">
            <v>0</v>
          </cell>
          <cell r="Z229">
            <v>0</v>
          </cell>
          <cell r="AA229">
            <v>0</v>
          </cell>
          <cell r="AB229">
            <v>0</v>
          </cell>
        </row>
        <row r="230">
          <cell r="A230" t="str">
            <v>FEX_carta_terzi_FL</v>
          </cell>
          <cell r="V230">
            <v>0</v>
          </cell>
          <cell r="W230">
            <v>0</v>
          </cell>
          <cell r="X230">
            <v>0</v>
          </cell>
          <cell r="Y230">
            <v>0</v>
          </cell>
          <cell r="Z230">
            <v>0</v>
          </cell>
          <cell r="AA230">
            <v>0</v>
          </cell>
          <cell r="AB230">
            <v>0</v>
          </cell>
        </row>
        <row r="231">
          <cell r="A231" t="str">
            <v>MCL_carta_terzi_FL</v>
          </cell>
          <cell r="V231">
            <v>0</v>
          </cell>
          <cell r="W231">
            <v>0</v>
          </cell>
          <cell r="X231">
            <v>0</v>
          </cell>
          <cell r="Y231">
            <v>0</v>
          </cell>
          <cell r="Z231">
            <v>0</v>
          </cell>
          <cell r="AA231">
            <v>0</v>
          </cell>
          <cell r="AB231">
            <v>0</v>
          </cell>
        </row>
        <row r="232">
          <cell r="A232" t="str">
            <v>MCG_carta_terzi_FL</v>
          </cell>
          <cell r="V232">
            <v>0</v>
          </cell>
          <cell r="W232">
            <v>0</v>
          </cell>
          <cell r="X232">
            <v>0</v>
          </cell>
          <cell r="Y232">
            <v>0</v>
          </cell>
          <cell r="Z232">
            <v>0</v>
          </cell>
          <cell r="AA232">
            <v>0</v>
          </cell>
          <cell r="AB232">
            <v>0</v>
          </cell>
        </row>
        <row r="233">
          <cell r="A233" t="str">
            <v>MLE_carta_terzi_FL</v>
          </cell>
          <cell r="V233">
            <v>0</v>
          </cell>
          <cell r="W233">
            <v>0</v>
          </cell>
          <cell r="X233">
            <v>0</v>
          </cell>
          <cell r="Y233">
            <v>0</v>
          </cell>
          <cell r="Z233">
            <v>0</v>
          </cell>
          <cell r="AA233">
            <v>0</v>
          </cell>
          <cell r="AB233">
            <v>0</v>
          </cell>
        </row>
        <row r="234">
          <cell r="A234" t="str">
            <v>MFA_carta_terzi_FL</v>
          </cell>
          <cell r="V234">
            <v>0</v>
          </cell>
          <cell r="W234">
            <v>0</v>
          </cell>
          <cell r="X234">
            <v>0</v>
          </cell>
          <cell r="Y234">
            <v>0</v>
          </cell>
          <cell r="Z234">
            <v>0</v>
          </cell>
          <cell r="AA234">
            <v>0</v>
          </cell>
          <cell r="AB234">
            <v>0</v>
          </cell>
        </row>
        <row r="235">
          <cell r="A235" t="str">
            <v>MBQ_carta_terzi_FL</v>
          </cell>
          <cell r="V235">
            <v>0</v>
          </cell>
          <cell r="W235">
            <v>0</v>
          </cell>
          <cell r="X235">
            <v>0</v>
          </cell>
          <cell r="Y235">
            <v>0</v>
          </cell>
          <cell r="Z235">
            <v>0</v>
          </cell>
          <cell r="AA235">
            <v>0</v>
          </cell>
          <cell r="AB235">
            <v>0</v>
          </cell>
        </row>
        <row r="236">
          <cell r="A236" t="str">
            <v>MBG_carta_terzi_FL</v>
          </cell>
          <cell r="V236">
            <v>0</v>
          </cell>
          <cell r="W236">
            <v>0</v>
          </cell>
          <cell r="X236">
            <v>0</v>
          </cell>
          <cell r="Y236">
            <v>0</v>
          </cell>
          <cell r="Z236">
            <v>0</v>
          </cell>
          <cell r="AA236">
            <v>0</v>
          </cell>
          <cell r="AB236">
            <v>0</v>
          </cell>
        </row>
        <row r="237">
          <cell r="A237" t="str">
            <v>WID_carta_terzi_FL</v>
          </cell>
          <cell r="V237">
            <v>0</v>
          </cell>
          <cell r="W237">
            <v>0</v>
          </cell>
          <cell r="X237">
            <v>0</v>
          </cell>
          <cell r="Y237">
            <v>0</v>
          </cell>
          <cell r="Z237">
            <v>0</v>
          </cell>
          <cell r="AA237">
            <v>0</v>
          </cell>
          <cell r="AB237">
            <v>0</v>
          </cell>
        </row>
        <row r="238">
          <cell r="A238" t="str">
            <v>FIN_carta_terzi_FL</v>
          </cell>
          <cell r="V238">
            <v>0</v>
          </cell>
          <cell r="W238">
            <v>0</v>
          </cell>
          <cell r="X238">
            <v>0</v>
          </cell>
          <cell r="Y238">
            <v>0</v>
          </cell>
          <cell r="Z238">
            <v>0</v>
          </cell>
          <cell r="AA238">
            <v>0</v>
          </cell>
          <cell r="AB238">
            <v>0</v>
          </cell>
        </row>
        <row r="239">
          <cell r="A239" t="str">
            <v>ALM_carta_terzi_FL</v>
          </cell>
          <cell r="V239">
            <v>0</v>
          </cell>
          <cell r="W239">
            <v>0</v>
          </cell>
          <cell r="X239">
            <v>0</v>
          </cell>
          <cell r="Y239">
            <v>0</v>
          </cell>
          <cell r="Z239">
            <v>0</v>
          </cell>
          <cell r="AA239">
            <v>0</v>
          </cell>
          <cell r="AB239">
            <v>0</v>
          </cell>
        </row>
        <row r="240">
          <cell r="A240" t="str">
            <v>FUO_carta_terzi_FL</v>
          </cell>
          <cell r="V240">
            <v>0</v>
          </cell>
          <cell r="W240">
            <v>0</v>
          </cell>
          <cell r="X240">
            <v>0</v>
          </cell>
          <cell r="Y240">
            <v>0</v>
          </cell>
          <cell r="Z240">
            <v>0</v>
          </cell>
          <cell r="AA240">
            <v>0</v>
          </cell>
          <cell r="AB240">
            <v>0</v>
          </cell>
        </row>
        <row r="241">
          <cell r="A241" t="str">
            <v>XXX_carta_terzi_FL</v>
          </cell>
          <cell r="V241">
            <v>8.4346064100000095</v>
          </cell>
          <cell r="W241">
            <v>0</v>
          </cell>
          <cell r="X241">
            <v>0</v>
          </cell>
          <cell r="Y241">
            <v>8.8563367305000096</v>
          </cell>
          <cell r="Z241">
            <v>9.38771693433001</v>
          </cell>
          <cell r="AA241">
            <v>10.044857119733111</v>
          </cell>
          <cell r="AB241">
            <v>10.848445689311761</v>
          </cell>
        </row>
        <row r="242">
          <cell r="A242" t="str">
            <v>TOT_carta_terzi_FL</v>
          </cell>
          <cell r="V242">
            <v>665.66304987000001</v>
          </cell>
          <cell r="W242">
            <v>143.81192942999999</v>
          </cell>
          <cell r="X242">
            <v>381.50044172999992</v>
          </cell>
          <cell r="Y242">
            <v>698.94620236350022</v>
          </cell>
          <cell r="Z242">
            <v>740.88297450531002</v>
          </cell>
          <cell r="AA242">
            <v>792.74478272068211</v>
          </cell>
          <cell r="AB242">
            <v>856.16436533833667</v>
          </cell>
        </row>
        <row r="244">
          <cell r="A244" t="str">
            <v>Val_pro_danni_FL</v>
          </cell>
          <cell r="V244">
            <v>92.730294479999998</v>
          </cell>
          <cell r="W244">
            <v>23.41827666</v>
          </cell>
          <cell r="X244">
            <v>48.669710370000004</v>
          </cell>
          <cell r="Y244">
            <v>101.07602098320001</v>
          </cell>
          <cell r="Z244">
            <v>111.18362308152003</v>
          </cell>
          <cell r="AA244">
            <v>123.41382162048721</v>
          </cell>
          <cell r="AB244">
            <v>138.22348021494565</v>
          </cell>
        </row>
        <row r="245">
          <cell r="A245" t="str">
            <v>Pre_pro_danni_FL</v>
          </cell>
          <cell r="V245">
            <v>16.417342250000001</v>
          </cell>
          <cell r="W245">
            <v>4.4117289099999999</v>
          </cell>
          <cell r="X245">
            <v>9.1380006100000006</v>
          </cell>
          <cell r="Y245">
            <v>17.894903052500002</v>
          </cell>
          <cell r="Z245">
            <v>19.684393357750004</v>
          </cell>
          <cell r="AA245">
            <v>21.8496766271025</v>
          </cell>
          <cell r="AB245">
            <v>24.471637822354797</v>
          </cell>
        </row>
        <row r="246">
          <cell r="A246" t="str">
            <v>Sma_pro_danni_FL</v>
          </cell>
          <cell r="V246">
            <v>31.172851679999994</v>
          </cell>
          <cell r="W246">
            <v>7.0249618499999995</v>
          </cell>
          <cell r="X246">
            <v>14.776238610000002</v>
          </cell>
          <cell r="Y246">
            <v>33.978408331199994</v>
          </cell>
          <cell r="Z246">
            <v>37.376249164319994</v>
          </cell>
          <cell r="AA246">
            <v>41.487636572395189</v>
          </cell>
          <cell r="AB246">
            <v>46.466152961082607</v>
          </cell>
        </row>
        <row r="247">
          <cell r="A247" t="str">
            <v>Pri_pro_danni_FL</v>
          </cell>
          <cell r="V247">
            <v>0.61985070999999992</v>
          </cell>
          <cell r="W247">
            <v>0.13855318999999999</v>
          </cell>
          <cell r="X247">
            <v>0.28847435999999999</v>
          </cell>
          <cell r="Y247">
            <v>0.67563727389999995</v>
          </cell>
          <cell r="Z247">
            <v>0.74320100129</v>
          </cell>
          <cell r="AA247">
            <v>0.82495311143189987</v>
          </cell>
          <cell r="AB247">
            <v>0.92394748480372779</v>
          </cell>
        </row>
        <row r="248">
          <cell r="A248" t="str">
            <v>Fam_pro_danni_FL</v>
          </cell>
          <cell r="V248">
            <v>2.4817619999999999E-2</v>
          </cell>
          <cell r="W248">
            <v>6.3988299999999994E-3</v>
          </cell>
          <cell r="X248">
            <v>1.6947779999999999E-2</v>
          </cell>
          <cell r="Y248">
            <v>2.7051205800000002E-2</v>
          </cell>
          <cell r="Z248">
            <v>2.9756326380000003E-2</v>
          </cell>
          <cell r="AA248">
            <v>3.3029522281799999E-2</v>
          </cell>
          <cell r="AB248">
            <v>3.6993064955615995E-2</v>
          </cell>
        </row>
        <row r="249">
          <cell r="A249" t="str">
            <v>PMI_pro_danni_FL</v>
          </cell>
          <cell r="V249">
            <v>0.73857620999999996</v>
          </cell>
          <cell r="W249">
            <v>0.10327836999999999</v>
          </cell>
          <cell r="X249">
            <v>0.26392980999999999</v>
          </cell>
          <cell r="Y249">
            <v>0.80504806890000002</v>
          </cell>
          <cell r="Z249">
            <v>0.88555287579000008</v>
          </cell>
          <cell r="AA249">
            <v>0.98296369212689993</v>
          </cell>
          <cell r="AB249">
            <v>1.1009193351821278</v>
          </cell>
        </row>
        <row r="250">
          <cell r="A250" t="str">
            <v>ENT_pro_danni_FL</v>
          </cell>
          <cell r="V250">
            <v>2.6570680000000003E-2</v>
          </cell>
          <cell r="W250">
            <v>4.6215800000000001E-3</v>
          </cell>
          <cell r="X250">
            <v>7.4594099999999997E-3</v>
          </cell>
          <cell r="Y250">
            <v>2.8962041200000004E-2</v>
          </cell>
          <cell r="Z250">
            <v>3.1858245320000006E-2</v>
          </cell>
          <cell r="AA250">
            <v>3.5362652305200006E-2</v>
          </cell>
          <cell r="AB250">
            <v>3.9606170581824002E-2</v>
          </cell>
        </row>
        <row r="251">
          <cell r="A251" t="str">
            <v>Cor_pro_danni_FL</v>
          </cell>
          <cell r="V251">
            <v>1.81873E-2</v>
          </cell>
          <cell r="W251">
            <v>1.3814900000000002E-3</v>
          </cell>
          <cell r="X251">
            <v>9.39685E-3</v>
          </cell>
          <cell r="Y251">
            <v>1.9824157000000002E-2</v>
          </cell>
          <cell r="Z251">
            <v>2.1806572700000006E-2</v>
          </cell>
          <cell r="AA251">
            <v>2.4205295697000005E-2</v>
          </cell>
          <cell r="AB251">
            <v>2.7109931180640003E-2</v>
          </cell>
        </row>
        <row r="252">
          <cell r="A252" t="str">
            <v>Gra_pro_danni_FL</v>
          </cell>
          <cell r="V252">
            <v>7.1276E-4</v>
          </cell>
          <cell r="W252">
            <v>1.6274E-4</v>
          </cell>
          <cell r="X252">
            <v>3.1723999999999999E-4</v>
          </cell>
          <cell r="Y252">
            <v>7.7690840000000001E-4</v>
          </cell>
          <cell r="Z252">
            <v>8.5459924000000007E-4</v>
          </cell>
          <cell r="AA252">
            <v>9.4860515639999998E-4</v>
          </cell>
          <cell r="AB252">
            <v>1.0624377751679999E-3</v>
          </cell>
        </row>
        <row r="253">
          <cell r="A253" t="str">
            <v>FEX_pro_danni_FL</v>
          </cell>
          <cell r="V253">
            <v>0</v>
          </cell>
          <cell r="W253">
            <v>0</v>
          </cell>
          <cell r="X253">
            <v>0</v>
          </cell>
          <cell r="Y253">
            <v>0</v>
          </cell>
          <cell r="Z253">
            <v>0</v>
          </cell>
          <cell r="AA253">
            <v>0</v>
          </cell>
          <cell r="AB253">
            <v>0</v>
          </cell>
        </row>
        <row r="254">
          <cell r="A254" t="str">
            <v>MCL_pro_danni_FL</v>
          </cell>
          <cell r="V254">
            <v>0</v>
          </cell>
          <cell r="W254">
            <v>0</v>
          </cell>
          <cell r="X254">
            <v>0</v>
          </cell>
          <cell r="Y254">
            <v>0</v>
          </cell>
          <cell r="Z254">
            <v>0</v>
          </cell>
          <cell r="AA254">
            <v>0</v>
          </cell>
          <cell r="AB254">
            <v>0</v>
          </cell>
        </row>
        <row r="255">
          <cell r="A255" t="str">
            <v>MCG_pro_danni_FL</v>
          </cell>
          <cell r="V255">
            <v>0</v>
          </cell>
          <cell r="W255">
            <v>0</v>
          </cell>
          <cell r="X255">
            <v>0</v>
          </cell>
          <cell r="Y255">
            <v>0</v>
          </cell>
          <cell r="Z255">
            <v>0</v>
          </cell>
          <cell r="AA255">
            <v>0</v>
          </cell>
          <cell r="AB255">
            <v>0</v>
          </cell>
        </row>
        <row r="256">
          <cell r="A256" t="str">
            <v>MLE_pro_danni_FL</v>
          </cell>
          <cell r="V256">
            <v>0</v>
          </cell>
          <cell r="W256">
            <v>0</v>
          </cell>
          <cell r="X256">
            <v>0</v>
          </cell>
          <cell r="Y256">
            <v>0</v>
          </cell>
          <cell r="Z256">
            <v>0</v>
          </cell>
          <cell r="AA256">
            <v>0</v>
          </cell>
          <cell r="AB256">
            <v>0</v>
          </cell>
        </row>
        <row r="257">
          <cell r="A257" t="str">
            <v>MFA_pro_danni_FL</v>
          </cell>
          <cell r="V257">
            <v>0</v>
          </cell>
          <cell r="W257">
            <v>0</v>
          </cell>
          <cell r="X257">
            <v>0</v>
          </cell>
          <cell r="Y257">
            <v>0</v>
          </cell>
          <cell r="Z257">
            <v>0</v>
          </cell>
          <cell r="AA257">
            <v>0</v>
          </cell>
          <cell r="AB257">
            <v>0</v>
          </cell>
        </row>
        <row r="258">
          <cell r="A258" t="str">
            <v>MBQ_pro_danni_FL</v>
          </cell>
          <cell r="V258">
            <v>0</v>
          </cell>
          <cell r="W258">
            <v>0</v>
          </cell>
          <cell r="X258">
            <v>0</v>
          </cell>
          <cell r="Y258">
            <v>0</v>
          </cell>
          <cell r="Z258">
            <v>0</v>
          </cell>
          <cell r="AA258">
            <v>0</v>
          </cell>
          <cell r="AB258">
            <v>0</v>
          </cell>
        </row>
        <row r="259">
          <cell r="A259" t="str">
            <v>MBG_pro_danni_FL</v>
          </cell>
          <cell r="V259">
            <v>0</v>
          </cell>
          <cell r="W259">
            <v>0</v>
          </cell>
          <cell r="X259">
            <v>0</v>
          </cell>
          <cell r="Y259">
            <v>0</v>
          </cell>
          <cell r="Z259">
            <v>0</v>
          </cell>
          <cell r="AA259">
            <v>0</v>
          </cell>
          <cell r="AB259">
            <v>0</v>
          </cell>
        </row>
        <row r="260">
          <cell r="A260" t="str">
            <v>WID_pro_danni_FL</v>
          </cell>
          <cell r="V260">
            <v>0</v>
          </cell>
          <cell r="W260">
            <v>1.1192299999999999E-3</v>
          </cell>
          <cell r="X260">
            <v>2.3071199999999997E-3</v>
          </cell>
          <cell r="Y260">
            <v>0</v>
          </cell>
          <cell r="Z260">
            <v>0</v>
          </cell>
          <cell r="AA260">
            <v>0</v>
          </cell>
          <cell r="AB260">
            <v>0</v>
          </cell>
        </row>
        <row r="261">
          <cell r="A261" t="str">
            <v>FIN_pro_danni_FL</v>
          </cell>
          <cell r="V261">
            <v>0</v>
          </cell>
          <cell r="W261">
            <v>0</v>
          </cell>
          <cell r="X261">
            <v>0</v>
          </cell>
          <cell r="Y261">
            <v>0</v>
          </cell>
          <cell r="Z261">
            <v>0</v>
          </cell>
          <cell r="AA261">
            <v>0</v>
          </cell>
          <cell r="AB261">
            <v>0</v>
          </cell>
        </row>
        <row r="262">
          <cell r="A262" t="str">
            <v>ALM_pro_danni_FL</v>
          </cell>
          <cell r="V262">
            <v>0</v>
          </cell>
          <cell r="W262">
            <v>0</v>
          </cell>
          <cell r="X262">
            <v>0</v>
          </cell>
          <cell r="Y262">
            <v>0</v>
          </cell>
          <cell r="Z262">
            <v>0</v>
          </cell>
          <cell r="AA262">
            <v>0</v>
          </cell>
          <cell r="AB262">
            <v>0</v>
          </cell>
        </row>
        <row r="263">
          <cell r="A263" t="str">
            <v>FUO_pro_danni_FL</v>
          </cell>
          <cell r="V263">
            <v>0</v>
          </cell>
          <cell r="W263">
            <v>0</v>
          </cell>
          <cell r="X263">
            <v>0</v>
          </cell>
          <cell r="Y263">
            <v>0</v>
          </cell>
          <cell r="Z263">
            <v>0</v>
          </cell>
          <cell r="AA263">
            <v>0</v>
          </cell>
          <cell r="AB263">
            <v>0</v>
          </cell>
        </row>
        <row r="264">
          <cell r="A264" t="str">
            <v>XXX_pro_danni_FL</v>
          </cell>
          <cell r="V264">
            <v>0</v>
          </cell>
          <cell r="W264">
            <v>0</v>
          </cell>
          <cell r="X264">
            <v>0</v>
          </cell>
          <cell r="Y264">
            <v>0</v>
          </cell>
          <cell r="Z264">
            <v>0</v>
          </cell>
          <cell r="AA264">
            <v>0</v>
          </cell>
          <cell r="AB264">
            <v>0</v>
          </cell>
        </row>
        <row r="265">
          <cell r="A265" t="str">
            <v>TOT_pro_danni_FL</v>
          </cell>
          <cell r="V265">
            <v>141.74920368999997</v>
          </cell>
          <cell r="W265">
            <v>35.110482850000004</v>
          </cell>
          <cell r="X265">
            <v>73.172782159999983</v>
          </cell>
          <cell r="Y265">
            <v>154.50663202210001</v>
          </cell>
          <cell r="Z265">
            <v>169.95729522431006</v>
          </cell>
          <cell r="AA265">
            <v>188.6525976989841</v>
          </cell>
          <cell r="AB265">
            <v>211.2909094228622</v>
          </cell>
        </row>
        <row r="266">
          <cell r="A266" t="str">
            <v>Val_pro_vita_FL</v>
          </cell>
          <cell r="V266">
            <v>42.408728150000002</v>
          </cell>
          <cell r="W266">
            <v>12.85880568</v>
          </cell>
          <cell r="X266">
            <v>26.870507439999997</v>
          </cell>
          <cell r="Y266">
            <v>46.225513683500004</v>
          </cell>
          <cell r="Z266">
            <v>50.848065051850007</v>
          </cell>
          <cell r="AA266">
            <v>56.4413522075535</v>
          </cell>
          <cell r="AB266">
            <v>63.214314472459911</v>
          </cell>
        </row>
        <row r="267">
          <cell r="A267" t="str">
            <v>Pre_pro_vita_FL</v>
          </cell>
          <cell r="V267">
            <v>6.4246753199999986</v>
          </cell>
          <cell r="W267">
            <v>1.8201217700000001</v>
          </cell>
          <cell r="X267">
            <v>3.7663946699999999</v>
          </cell>
          <cell r="Y267">
            <v>7.0028960987999991</v>
          </cell>
          <cell r="Z267">
            <v>7.7031857086799995</v>
          </cell>
          <cell r="AA267">
            <v>8.5505361366347987</v>
          </cell>
          <cell r="AB267">
            <v>9.5766004730309735</v>
          </cell>
        </row>
        <row r="268">
          <cell r="A268" t="str">
            <v>Sma_pro_vita_FL</v>
          </cell>
          <cell r="V268">
            <v>18.036956800000002</v>
          </cell>
          <cell r="W268">
            <v>5.1232070300000006</v>
          </cell>
          <cell r="X268">
            <v>9.4950773699999989</v>
          </cell>
          <cell r="Y268">
            <v>19.660282912000003</v>
          </cell>
          <cell r="Z268">
            <v>21.626311203200004</v>
          </cell>
          <cell r="AA268">
            <v>24.005205435552</v>
          </cell>
          <cell r="AB268">
            <v>26.885830087818238</v>
          </cell>
        </row>
        <row r="269">
          <cell r="A269" t="str">
            <v>Pri_pro_vita_FL</v>
          </cell>
          <cell r="V269">
            <v>0.17631921999999997</v>
          </cell>
          <cell r="W269">
            <v>4.2276669999999995E-2</v>
          </cell>
          <cell r="X269">
            <v>8.7138640000000003E-2</v>
          </cell>
          <cell r="Y269">
            <v>0.19218794979999998</v>
          </cell>
          <cell r="Z269">
            <v>0.21140674477999999</v>
          </cell>
          <cell r="AA269">
            <v>0.23466148670579995</v>
          </cell>
          <cell r="AB269">
            <v>0.2628208651104959</v>
          </cell>
        </row>
        <row r="270">
          <cell r="A270" t="str">
            <v>Fam_pro_vita_FL</v>
          </cell>
          <cell r="V270">
            <v>3.4475199999999999E-3</v>
          </cell>
          <cell r="W270">
            <v>8.9298000000000003E-4</v>
          </cell>
          <cell r="X270">
            <v>1.6138699999999999E-3</v>
          </cell>
          <cell r="Y270">
            <v>3.7577968000000002E-3</v>
          </cell>
          <cell r="Z270">
            <v>4.1335764800000006E-3</v>
          </cell>
          <cell r="AA270">
            <v>4.5882698928000005E-3</v>
          </cell>
          <cell r="AB270">
            <v>5.1388622799359998E-3</v>
          </cell>
        </row>
        <row r="271">
          <cell r="A271" t="str">
            <v>PMI_pro_vita_FL</v>
          </cell>
          <cell r="V271">
            <v>0</v>
          </cell>
          <cell r="W271">
            <v>0</v>
          </cell>
          <cell r="X271">
            <v>0</v>
          </cell>
          <cell r="Y271">
            <v>0</v>
          </cell>
          <cell r="Z271">
            <v>0</v>
          </cell>
          <cell r="AA271">
            <v>0</v>
          </cell>
          <cell r="AB271">
            <v>0</v>
          </cell>
        </row>
        <row r="272">
          <cell r="A272" t="str">
            <v>ENT_pro_vita_FL</v>
          </cell>
          <cell r="V272">
            <v>0</v>
          </cell>
          <cell r="W272">
            <v>0</v>
          </cell>
          <cell r="X272">
            <v>0</v>
          </cell>
          <cell r="Y272">
            <v>0</v>
          </cell>
          <cell r="Z272">
            <v>0</v>
          </cell>
          <cell r="AA272">
            <v>0</v>
          </cell>
          <cell r="AB272">
            <v>0</v>
          </cell>
        </row>
        <row r="273">
          <cell r="A273" t="str">
            <v>Cor_pro_vita_FL</v>
          </cell>
          <cell r="V273">
            <v>0</v>
          </cell>
          <cell r="W273">
            <v>0</v>
          </cell>
          <cell r="X273">
            <v>0</v>
          </cell>
          <cell r="Y273">
            <v>0</v>
          </cell>
          <cell r="Z273">
            <v>0</v>
          </cell>
          <cell r="AA273">
            <v>0</v>
          </cell>
          <cell r="AB273">
            <v>0</v>
          </cell>
        </row>
        <row r="274">
          <cell r="A274" t="str">
            <v>Gra_pro_vita_FL</v>
          </cell>
          <cell r="V274">
            <v>0</v>
          </cell>
          <cell r="W274">
            <v>0</v>
          </cell>
          <cell r="X274">
            <v>0</v>
          </cell>
          <cell r="Y274">
            <v>0</v>
          </cell>
          <cell r="Z274">
            <v>0</v>
          </cell>
          <cell r="AA274">
            <v>0</v>
          </cell>
          <cell r="AB274">
            <v>0</v>
          </cell>
        </row>
        <row r="275">
          <cell r="A275" t="str">
            <v>FEX_pro_vita_FL</v>
          </cell>
          <cell r="V275">
            <v>0</v>
          </cell>
          <cell r="W275">
            <v>0</v>
          </cell>
          <cell r="X275">
            <v>0</v>
          </cell>
          <cell r="Y275">
            <v>0</v>
          </cell>
          <cell r="Z275">
            <v>0</v>
          </cell>
          <cell r="AA275">
            <v>0</v>
          </cell>
          <cell r="AB275">
            <v>0</v>
          </cell>
        </row>
        <row r="276">
          <cell r="A276" t="str">
            <v>MCL_pro_vita_FL</v>
          </cell>
          <cell r="V276">
            <v>0</v>
          </cell>
          <cell r="W276">
            <v>0</v>
          </cell>
          <cell r="X276">
            <v>0</v>
          </cell>
          <cell r="Y276">
            <v>0</v>
          </cell>
          <cell r="Z276">
            <v>0</v>
          </cell>
          <cell r="AA276">
            <v>0</v>
          </cell>
          <cell r="AB276">
            <v>0</v>
          </cell>
        </row>
        <row r="277">
          <cell r="A277" t="str">
            <v>MCG_pro_vita_FL</v>
          </cell>
          <cell r="V277">
            <v>0</v>
          </cell>
          <cell r="W277">
            <v>0</v>
          </cell>
          <cell r="X277">
            <v>0</v>
          </cell>
          <cell r="Y277">
            <v>0</v>
          </cell>
          <cell r="Z277">
            <v>0</v>
          </cell>
          <cell r="AA277">
            <v>0</v>
          </cell>
          <cell r="AB277">
            <v>0</v>
          </cell>
        </row>
        <row r="278">
          <cell r="A278" t="str">
            <v>MLE_pro_vita_FL</v>
          </cell>
          <cell r="V278">
            <v>0</v>
          </cell>
          <cell r="W278">
            <v>0</v>
          </cell>
          <cell r="X278">
            <v>0</v>
          </cell>
          <cell r="Y278">
            <v>0</v>
          </cell>
          <cell r="Z278">
            <v>0</v>
          </cell>
          <cell r="AA278">
            <v>0</v>
          </cell>
          <cell r="AB278">
            <v>0</v>
          </cell>
        </row>
        <row r="279">
          <cell r="A279" t="str">
            <v>MFA_pro_vita_FL</v>
          </cell>
          <cell r="V279">
            <v>0</v>
          </cell>
          <cell r="W279">
            <v>0</v>
          </cell>
          <cell r="X279">
            <v>0</v>
          </cell>
          <cell r="Y279">
            <v>0</v>
          </cell>
          <cell r="Z279">
            <v>0</v>
          </cell>
          <cell r="AA279">
            <v>0</v>
          </cell>
          <cell r="AB279">
            <v>0</v>
          </cell>
        </row>
        <row r="280">
          <cell r="A280" t="str">
            <v>MBQ_pro_vita_FL</v>
          </cell>
          <cell r="V280">
            <v>0</v>
          </cell>
          <cell r="W280">
            <v>0</v>
          </cell>
          <cell r="X280">
            <v>0</v>
          </cell>
          <cell r="Y280">
            <v>0</v>
          </cell>
          <cell r="Z280">
            <v>0</v>
          </cell>
          <cell r="AA280">
            <v>0</v>
          </cell>
          <cell r="AB280">
            <v>0</v>
          </cell>
        </row>
        <row r="281">
          <cell r="A281" t="str">
            <v>MBG_pro_vita_FL</v>
          </cell>
          <cell r="V281">
            <v>0</v>
          </cell>
          <cell r="W281">
            <v>0</v>
          </cell>
          <cell r="X281">
            <v>0</v>
          </cell>
          <cell r="Y281">
            <v>0</v>
          </cell>
          <cell r="Z281">
            <v>0</v>
          </cell>
          <cell r="AA281">
            <v>0</v>
          </cell>
          <cell r="AB281">
            <v>0</v>
          </cell>
        </row>
        <row r="282">
          <cell r="A282" t="str">
            <v>WID_pro_vita_FL</v>
          </cell>
          <cell r="V282">
            <v>0.2001444</v>
          </cell>
          <cell r="W282">
            <v>5.3404930000000003E-2</v>
          </cell>
          <cell r="X282">
            <v>9.8461460000000001E-2</v>
          </cell>
          <cell r="Y282">
            <v>0.218157396</v>
          </cell>
          <cell r="Z282">
            <v>0.23997313560000003</v>
          </cell>
          <cell r="AA282">
            <v>0.26637018051599998</v>
          </cell>
          <cell r="AB282">
            <v>0.29833460217791996</v>
          </cell>
        </row>
        <row r="283">
          <cell r="A283" t="str">
            <v>FIN_pro_vita_FL</v>
          </cell>
          <cell r="V283">
            <v>0</v>
          </cell>
          <cell r="W283">
            <v>0</v>
          </cell>
          <cell r="X283">
            <v>0</v>
          </cell>
          <cell r="Y283">
            <v>0</v>
          </cell>
          <cell r="Z283">
            <v>0</v>
          </cell>
          <cell r="AA283">
            <v>0</v>
          </cell>
          <cell r="AB283">
            <v>0</v>
          </cell>
        </row>
        <row r="284">
          <cell r="A284" t="str">
            <v>ALM_pro_vita_FL</v>
          </cell>
          <cell r="V284">
            <v>0</v>
          </cell>
          <cell r="W284">
            <v>0</v>
          </cell>
          <cell r="X284">
            <v>0</v>
          </cell>
          <cell r="Y284">
            <v>0</v>
          </cell>
          <cell r="Z284">
            <v>0</v>
          </cell>
          <cell r="AA284">
            <v>0</v>
          </cell>
          <cell r="AB284">
            <v>0</v>
          </cell>
        </row>
        <row r="285">
          <cell r="A285" t="str">
            <v>FUO_pro_vita_FL</v>
          </cell>
          <cell r="V285">
            <v>0</v>
          </cell>
          <cell r="W285">
            <v>0</v>
          </cell>
          <cell r="X285">
            <v>0</v>
          </cell>
          <cell r="Y285">
            <v>0</v>
          </cell>
          <cell r="Z285">
            <v>0</v>
          </cell>
          <cell r="AA285">
            <v>0</v>
          </cell>
          <cell r="AB285">
            <v>0</v>
          </cell>
        </row>
        <row r="286">
          <cell r="A286" t="str">
            <v>XXX_pro_vita_FL</v>
          </cell>
          <cell r="V286">
            <v>0</v>
          </cell>
          <cell r="W286">
            <v>0</v>
          </cell>
          <cell r="X286">
            <v>0</v>
          </cell>
          <cell r="Y286">
            <v>0</v>
          </cell>
          <cell r="Z286">
            <v>0</v>
          </cell>
          <cell r="AA286">
            <v>0</v>
          </cell>
          <cell r="AB286">
            <v>0</v>
          </cell>
        </row>
        <row r="287">
          <cell r="A287" t="str">
            <v>TOT_pro_vita_FL</v>
          </cell>
          <cell r="V287">
            <v>67.250271409999996</v>
          </cell>
          <cell r="W287">
            <v>19.898709059999998</v>
          </cell>
          <cell r="X287">
            <v>40.31919345</v>
          </cell>
          <cell r="Y287">
            <v>73.302795836900003</v>
          </cell>
          <cell r="Z287">
            <v>80.633075420590018</v>
          </cell>
          <cell r="AA287">
            <v>89.502713716854913</v>
          </cell>
          <cell r="AB287">
            <v>100.24303936287747</v>
          </cell>
        </row>
        <row r="289">
          <cell r="A289" t="str">
            <v>Val_I_sight_FL</v>
          </cell>
          <cell r="V289">
            <v>0</v>
          </cell>
          <cell r="W289">
            <v>0</v>
          </cell>
          <cell r="X289">
            <v>0</v>
          </cell>
          <cell r="Y289">
            <v>0</v>
          </cell>
          <cell r="Z289">
            <v>0</v>
          </cell>
          <cell r="AA289">
            <v>0</v>
          </cell>
          <cell r="AB289">
            <v>0</v>
          </cell>
        </row>
        <row r="290">
          <cell r="A290" t="str">
            <v>Pre_I_sight_FL</v>
          </cell>
          <cell r="V290">
            <v>0</v>
          </cell>
          <cell r="W290">
            <v>0</v>
          </cell>
          <cell r="X290">
            <v>0</v>
          </cell>
          <cell r="Y290">
            <v>0</v>
          </cell>
          <cell r="Z290">
            <v>0</v>
          </cell>
          <cell r="AA290">
            <v>0</v>
          </cell>
          <cell r="AB290">
            <v>0</v>
          </cell>
        </row>
        <row r="291">
          <cell r="A291" t="str">
            <v>Sma_I_sight_FL</v>
          </cell>
          <cell r="V291">
            <v>0</v>
          </cell>
          <cell r="W291">
            <v>0</v>
          </cell>
          <cell r="X291">
            <v>0</v>
          </cell>
          <cell r="Y291">
            <v>0</v>
          </cell>
          <cell r="Z291">
            <v>0</v>
          </cell>
          <cell r="AA291">
            <v>0</v>
          </cell>
          <cell r="AB291">
            <v>0</v>
          </cell>
        </row>
        <row r="292">
          <cell r="A292" t="str">
            <v>Pri_I_sight_FL</v>
          </cell>
          <cell r="V292">
            <v>0</v>
          </cell>
          <cell r="W292">
            <v>0</v>
          </cell>
          <cell r="X292">
            <v>0</v>
          </cell>
          <cell r="Y292">
            <v>0</v>
          </cell>
          <cell r="Z292">
            <v>0</v>
          </cell>
          <cell r="AA292">
            <v>0</v>
          </cell>
          <cell r="AB292">
            <v>0</v>
          </cell>
        </row>
        <row r="293">
          <cell r="A293" t="str">
            <v>Fam_I_sight_FL</v>
          </cell>
          <cell r="V293">
            <v>0</v>
          </cell>
          <cell r="W293">
            <v>0</v>
          </cell>
          <cell r="X293">
            <v>0</v>
          </cell>
          <cell r="Y293">
            <v>0</v>
          </cell>
          <cell r="Z293">
            <v>0</v>
          </cell>
          <cell r="AA293">
            <v>0</v>
          </cell>
          <cell r="AB293">
            <v>0</v>
          </cell>
        </row>
        <row r="294">
          <cell r="A294" t="str">
            <v>PMI_I_sight_FL</v>
          </cell>
          <cell r="V294">
            <v>0</v>
          </cell>
          <cell r="W294">
            <v>0</v>
          </cell>
          <cell r="X294">
            <v>0</v>
          </cell>
          <cell r="Y294">
            <v>0</v>
          </cell>
          <cell r="Z294">
            <v>0</v>
          </cell>
          <cell r="AA294">
            <v>0</v>
          </cell>
          <cell r="AB294">
            <v>0</v>
          </cell>
        </row>
        <row r="295">
          <cell r="A295" t="str">
            <v>ENT_I_sight_FL</v>
          </cell>
          <cell r="V295">
            <v>0</v>
          </cell>
          <cell r="W295">
            <v>0</v>
          </cell>
          <cell r="X295">
            <v>0</v>
          </cell>
          <cell r="Y295">
            <v>0</v>
          </cell>
          <cell r="Z295">
            <v>0</v>
          </cell>
          <cell r="AA295">
            <v>0</v>
          </cell>
          <cell r="AB295">
            <v>0</v>
          </cell>
        </row>
        <row r="296">
          <cell r="A296" t="str">
            <v>Cor_I_sight_FL</v>
          </cell>
          <cell r="V296">
            <v>0</v>
          </cell>
          <cell r="W296">
            <v>0</v>
          </cell>
          <cell r="X296">
            <v>0</v>
          </cell>
          <cell r="Y296">
            <v>0</v>
          </cell>
          <cell r="Z296">
            <v>0</v>
          </cell>
          <cell r="AA296">
            <v>0</v>
          </cell>
          <cell r="AB296">
            <v>0</v>
          </cell>
        </row>
        <row r="297">
          <cell r="A297" t="str">
            <v>Gra_I_sight_FL</v>
          </cell>
          <cell r="V297">
            <v>0</v>
          </cell>
          <cell r="W297">
            <v>0</v>
          </cell>
          <cell r="X297">
            <v>0</v>
          </cell>
          <cell r="Y297">
            <v>0</v>
          </cell>
          <cell r="Z297">
            <v>0</v>
          </cell>
          <cell r="AA297">
            <v>0</v>
          </cell>
          <cell r="AB297">
            <v>0</v>
          </cell>
        </row>
        <row r="298">
          <cell r="A298" t="str">
            <v>FEX_I_sight_FL</v>
          </cell>
          <cell r="V298">
            <v>0</v>
          </cell>
          <cell r="W298">
            <v>0</v>
          </cell>
          <cell r="X298">
            <v>0</v>
          </cell>
          <cell r="Y298">
            <v>0</v>
          </cell>
          <cell r="Z298">
            <v>0</v>
          </cell>
          <cell r="AA298">
            <v>0</v>
          </cell>
          <cell r="AB298">
            <v>0</v>
          </cell>
        </row>
        <row r="299">
          <cell r="A299" t="str">
            <v>MCL_I_sight_FL</v>
          </cell>
          <cell r="V299">
            <v>0</v>
          </cell>
          <cell r="W299">
            <v>0</v>
          </cell>
          <cell r="X299">
            <v>0</v>
          </cell>
          <cell r="Y299">
            <v>0</v>
          </cell>
          <cell r="Z299">
            <v>0</v>
          </cell>
          <cell r="AA299">
            <v>0</v>
          </cell>
          <cell r="AB299">
            <v>0</v>
          </cell>
        </row>
        <row r="300">
          <cell r="A300" t="str">
            <v>MCG_I_sight_FL</v>
          </cell>
          <cell r="V300">
            <v>0</v>
          </cell>
          <cell r="W300">
            <v>0</v>
          </cell>
          <cell r="X300">
            <v>0</v>
          </cell>
          <cell r="Y300">
            <v>0</v>
          </cell>
          <cell r="Z300">
            <v>0</v>
          </cell>
          <cell r="AA300">
            <v>0</v>
          </cell>
          <cell r="AB300">
            <v>0</v>
          </cell>
        </row>
        <row r="301">
          <cell r="A301" t="str">
            <v>MLE_I_sight_FL</v>
          </cell>
          <cell r="V301">
            <v>0</v>
          </cell>
          <cell r="W301">
            <v>0</v>
          </cell>
          <cell r="X301">
            <v>0</v>
          </cell>
          <cell r="Y301">
            <v>0</v>
          </cell>
          <cell r="Z301">
            <v>0</v>
          </cell>
          <cell r="AA301">
            <v>0</v>
          </cell>
          <cell r="AB301">
            <v>0</v>
          </cell>
        </row>
        <row r="302">
          <cell r="A302" t="str">
            <v>MFA_I_sight_FL</v>
          </cell>
          <cell r="V302">
            <v>0</v>
          </cell>
          <cell r="W302">
            <v>0</v>
          </cell>
          <cell r="X302">
            <v>0</v>
          </cell>
          <cell r="Y302">
            <v>0</v>
          </cell>
          <cell r="Z302">
            <v>0</v>
          </cell>
          <cell r="AA302">
            <v>0</v>
          </cell>
          <cell r="AB302">
            <v>0</v>
          </cell>
        </row>
        <row r="303">
          <cell r="A303" t="str">
            <v>MBQ_I_sight_FL</v>
          </cell>
          <cell r="V303">
            <v>0</v>
          </cell>
          <cell r="W303">
            <v>0</v>
          </cell>
          <cell r="X303">
            <v>0</v>
          </cell>
          <cell r="Y303">
            <v>0</v>
          </cell>
          <cell r="Z303">
            <v>0</v>
          </cell>
          <cell r="AA303">
            <v>0</v>
          </cell>
          <cell r="AB303">
            <v>0</v>
          </cell>
        </row>
        <row r="304">
          <cell r="A304" t="str">
            <v>MBG_I_sight_FL</v>
          </cell>
          <cell r="V304">
            <v>0</v>
          </cell>
          <cell r="W304">
            <v>0</v>
          </cell>
          <cell r="X304">
            <v>0</v>
          </cell>
          <cell r="Y304">
            <v>0</v>
          </cell>
          <cell r="Z304">
            <v>0</v>
          </cell>
          <cell r="AA304">
            <v>0</v>
          </cell>
          <cell r="AB304">
            <v>0</v>
          </cell>
        </row>
        <row r="305">
          <cell r="A305" t="str">
            <v>WID_I_sight_FL</v>
          </cell>
          <cell r="V305">
            <v>0</v>
          </cell>
          <cell r="W305">
            <v>0</v>
          </cell>
          <cell r="X305">
            <v>0</v>
          </cell>
          <cell r="Y305">
            <v>0</v>
          </cell>
          <cell r="Z305">
            <v>0</v>
          </cell>
          <cell r="AA305">
            <v>0</v>
          </cell>
          <cell r="AB305">
            <v>0</v>
          </cell>
        </row>
        <row r="306">
          <cell r="A306" t="str">
            <v>FIN_I_sight_FL</v>
          </cell>
          <cell r="V306">
            <v>0</v>
          </cell>
          <cell r="W306">
            <v>0</v>
          </cell>
          <cell r="X306">
            <v>0</v>
          </cell>
          <cell r="Y306">
            <v>0</v>
          </cell>
          <cell r="Z306">
            <v>0</v>
          </cell>
          <cell r="AA306">
            <v>0</v>
          </cell>
          <cell r="AB306">
            <v>0</v>
          </cell>
        </row>
        <row r="307">
          <cell r="A307" t="str">
            <v>ALM_I_sight_FL</v>
          </cell>
          <cell r="V307">
            <v>0</v>
          </cell>
          <cell r="W307">
            <v>0</v>
          </cell>
          <cell r="X307">
            <v>0</v>
          </cell>
          <cell r="Y307">
            <v>0</v>
          </cell>
          <cell r="Z307">
            <v>0</v>
          </cell>
          <cell r="AA307">
            <v>0</v>
          </cell>
          <cell r="AB307">
            <v>0</v>
          </cell>
        </row>
        <row r="308">
          <cell r="A308" t="str">
            <v>FUO_I_sight_FL</v>
          </cell>
          <cell r="V308">
            <v>0</v>
          </cell>
          <cell r="W308">
            <v>0</v>
          </cell>
          <cell r="X308">
            <v>0</v>
          </cell>
          <cell r="Y308">
            <v>0</v>
          </cell>
          <cell r="Z308">
            <v>0</v>
          </cell>
          <cell r="AA308">
            <v>0</v>
          </cell>
          <cell r="AB308">
            <v>0</v>
          </cell>
        </row>
        <row r="309">
          <cell r="A309" t="str">
            <v>XXX_I_sight_FL</v>
          </cell>
          <cell r="V309">
            <v>0</v>
          </cell>
          <cell r="W309">
            <v>0</v>
          </cell>
          <cell r="X309">
            <v>0</v>
          </cell>
          <cell r="Y309">
            <v>0</v>
          </cell>
          <cell r="Z309">
            <v>0</v>
          </cell>
          <cell r="AA309">
            <v>0</v>
          </cell>
          <cell r="AB309">
            <v>0</v>
          </cell>
        </row>
        <row r="310">
          <cell r="A310" t="str">
            <v>TOT_I_sight_FL</v>
          </cell>
          <cell r="V310">
            <v>0</v>
          </cell>
          <cell r="W310">
            <v>0</v>
          </cell>
          <cell r="X310">
            <v>0</v>
          </cell>
          <cell r="Y310">
            <v>0</v>
          </cell>
          <cell r="Z310">
            <v>0</v>
          </cell>
          <cell r="AA310">
            <v>0</v>
          </cell>
          <cell r="AB310">
            <v>0</v>
          </cell>
        </row>
        <row r="311">
          <cell r="A311" t="str">
            <v>Val_I_bt_FL</v>
          </cell>
          <cell r="V311">
            <v>0</v>
          </cell>
          <cell r="W311">
            <v>0</v>
          </cell>
          <cell r="X311">
            <v>0</v>
          </cell>
          <cell r="Y311">
            <v>0</v>
          </cell>
          <cell r="Z311">
            <v>0</v>
          </cell>
          <cell r="AA311">
            <v>0</v>
          </cell>
          <cell r="AB311">
            <v>0</v>
          </cell>
        </row>
        <row r="312">
          <cell r="A312" t="str">
            <v>Pre_I_bt_FL</v>
          </cell>
          <cell r="V312">
            <v>0</v>
          </cell>
          <cell r="W312">
            <v>0</v>
          </cell>
          <cell r="X312">
            <v>0</v>
          </cell>
          <cell r="Y312">
            <v>0</v>
          </cell>
          <cell r="Z312">
            <v>0</v>
          </cell>
          <cell r="AA312">
            <v>0</v>
          </cell>
          <cell r="AB312">
            <v>0</v>
          </cell>
        </row>
        <row r="313">
          <cell r="A313" t="str">
            <v>Sma_I_bt_FL</v>
          </cell>
          <cell r="V313">
            <v>0</v>
          </cell>
          <cell r="W313">
            <v>0</v>
          </cell>
          <cell r="X313">
            <v>0</v>
          </cell>
          <cell r="Y313">
            <v>0</v>
          </cell>
          <cell r="Z313">
            <v>0</v>
          </cell>
          <cell r="AA313">
            <v>0</v>
          </cell>
          <cell r="AB313">
            <v>0</v>
          </cell>
        </row>
        <row r="314">
          <cell r="A314" t="str">
            <v>Pri_I_bt_FL</v>
          </cell>
          <cell r="V314">
            <v>0</v>
          </cell>
          <cell r="W314">
            <v>0</v>
          </cell>
          <cell r="X314">
            <v>0</v>
          </cell>
          <cell r="Y314">
            <v>0</v>
          </cell>
          <cell r="Z314">
            <v>0</v>
          </cell>
          <cell r="AA314">
            <v>0</v>
          </cell>
          <cell r="AB314">
            <v>0</v>
          </cell>
        </row>
        <row r="315">
          <cell r="A315" t="str">
            <v>Fam_I_bt_FL</v>
          </cell>
          <cell r="V315">
            <v>0</v>
          </cell>
          <cell r="W315">
            <v>0</v>
          </cell>
          <cell r="X315">
            <v>0</v>
          </cell>
          <cell r="Y315">
            <v>0</v>
          </cell>
          <cell r="Z315">
            <v>0</v>
          </cell>
          <cell r="AA315">
            <v>0</v>
          </cell>
          <cell r="AB315">
            <v>0</v>
          </cell>
        </row>
        <row r="316">
          <cell r="A316" t="str">
            <v>PMI_I_bt_FL</v>
          </cell>
          <cell r="V316">
            <v>0</v>
          </cell>
          <cell r="W316">
            <v>0</v>
          </cell>
          <cell r="X316">
            <v>0</v>
          </cell>
          <cell r="Y316">
            <v>0</v>
          </cell>
          <cell r="Z316">
            <v>0</v>
          </cell>
          <cell r="AA316">
            <v>0</v>
          </cell>
          <cell r="AB316">
            <v>0</v>
          </cell>
        </row>
        <row r="317">
          <cell r="A317" t="str">
            <v>ENT_I_bt_FL</v>
          </cell>
          <cell r="V317">
            <v>0</v>
          </cell>
          <cell r="W317">
            <v>0</v>
          </cell>
          <cell r="X317">
            <v>0</v>
          </cell>
          <cell r="Y317">
            <v>0</v>
          </cell>
          <cell r="Z317">
            <v>0</v>
          </cell>
          <cell r="AA317">
            <v>0</v>
          </cell>
          <cell r="AB317">
            <v>0</v>
          </cell>
        </row>
        <row r="318">
          <cell r="A318" t="str">
            <v>Cor_I_bt_FL</v>
          </cell>
          <cell r="V318">
            <v>0</v>
          </cell>
          <cell r="W318">
            <v>0</v>
          </cell>
          <cell r="X318">
            <v>0</v>
          </cell>
          <cell r="Y318">
            <v>0</v>
          </cell>
          <cell r="Z318">
            <v>0</v>
          </cell>
          <cell r="AA318">
            <v>0</v>
          </cell>
          <cell r="AB318">
            <v>0</v>
          </cell>
        </row>
        <row r="319">
          <cell r="A319" t="str">
            <v>Gra_I_bt_FL</v>
          </cell>
          <cell r="V319">
            <v>0</v>
          </cell>
          <cell r="W319">
            <v>0</v>
          </cell>
          <cell r="X319">
            <v>0</v>
          </cell>
          <cell r="Y319">
            <v>0</v>
          </cell>
          <cell r="Z319">
            <v>0</v>
          </cell>
          <cell r="AA319">
            <v>0</v>
          </cell>
          <cell r="AB319">
            <v>0</v>
          </cell>
        </row>
        <row r="320">
          <cell r="A320" t="str">
            <v>FEX_I_bt_FL</v>
          </cell>
          <cell r="V320">
            <v>0</v>
          </cell>
          <cell r="W320">
            <v>0</v>
          </cell>
          <cell r="X320">
            <v>0</v>
          </cell>
          <cell r="Y320">
            <v>0</v>
          </cell>
          <cell r="Z320">
            <v>0</v>
          </cell>
          <cell r="AA320">
            <v>0</v>
          </cell>
          <cell r="AB320">
            <v>0</v>
          </cell>
        </row>
        <row r="321">
          <cell r="A321" t="str">
            <v>MCL_I_bt_FL</v>
          </cell>
          <cell r="V321">
            <v>0</v>
          </cell>
          <cell r="W321">
            <v>0</v>
          </cell>
          <cell r="X321">
            <v>0</v>
          </cell>
          <cell r="Y321">
            <v>0</v>
          </cell>
          <cell r="Z321">
            <v>0</v>
          </cell>
          <cell r="AA321">
            <v>0</v>
          </cell>
          <cell r="AB321">
            <v>0</v>
          </cell>
        </row>
        <row r="322">
          <cell r="A322" t="str">
            <v>MCG_I_bt_FL</v>
          </cell>
          <cell r="V322">
            <v>0</v>
          </cell>
          <cell r="W322">
            <v>0</v>
          </cell>
          <cell r="X322">
            <v>0</v>
          </cell>
          <cell r="Y322">
            <v>0</v>
          </cell>
          <cell r="Z322">
            <v>0</v>
          </cell>
          <cell r="AA322">
            <v>0</v>
          </cell>
          <cell r="AB322">
            <v>0</v>
          </cell>
        </row>
        <row r="323">
          <cell r="A323" t="str">
            <v>MLE_I_bt_FL</v>
          </cell>
          <cell r="V323">
            <v>0</v>
          </cell>
          <cell r="W323">
            <v>0</v>
          </cell>
          <cell r="X323">
            <v>0</v>
          </cell>
          <cell r="Y323">
            <v>0</v>
          </cell>
          <cell r="Z323">
            <v>0</v>
          </cell>
          <cell r="AA323">
            <v>0</v>
          </cell>
          <cell r="AB323">
            <v>0</v>
          </cell>
        </row>
        <row r="324">
          <cell r="A324" t="str">
            <v>MFA_I_bt_FL</v>
          </cell>
          <cell r="V324">
            <v>0</v>
          </cell>
          <cell r="W324">
            <v>0</v>
          </cell>
          <cell r="X324">
            <v>0</v>
          </cell>
          <cell r="Y324">
            <v>0</v>
          </cell>
          <cell r="Z324">
            <v>0</v>
          </cell>
          <cell r="AA324">
            <v>0</v>
          </cell>
          <cell r="AB324">
            <v>0</v>
          </cell>
        </row>
        <row r="325">
          <cell r="A325" t="str">
            <v>MBQ_I_bt_FL</v>
          </cell>
          <cell r="V325">
            <v>0</v>
          </cell>
          <cell r="W325">
            <v>0</v>
          </cell>
          <cell r="X325">
            <v>0</v>
          </cell>
          <cell r="Y325">
            <v>0</v>
          </cell>
          <cell r="Z325">
            <v>0</v>
          </cell>
          <cell r="AA325">
            <v>0</v>
          </cell>
          <cell r="AB325">
            <v>0</v>
          </cell>
        </row>
        <row r="326">
          <cell r="A326" t="str">
            <v>MBG_I_bt_FL</v>
          </cell>
          <cell r="V326">
            <v>0</v>
          </cell>
          <cell r="W326">
            <v>0</v>
          </cell>
          <cell r="X326">
            <v>0</v>
          </cell>
          <cell r="Y326">
            <v>0</v>
          </cell>
          <cell r="Z326">
            <v>0</v>
          </cell>
          <cell r="AA326">
            <v>0</v>
          </cell>
          <cell r="AB326">
            <v>0</v>
          </cell>
        </row>
        <row r="327">
          <cell r="A327" t="str">
            <v>WID_I_bt_FL</v>
          </cell>
          <cell r="V327">
            <v>0</v>
          </cell>
          <cell r="W327">
            <v>0</v>
          </cell>
          <cell r="X327">
            <v>0</v>
          </cell>
          <cell r="Y327">
            <v>0</v>
          </cell>
          <cell r="Z327">
            <v>0</v>
          </cell>
          <cell r="AA327">
            <v>0</v>
          </cell>
          <cell r="AB327">
            <v>0</v>
          </cell>
        </row>
        <row r="328">
          <cell r="A328" t="str">
            <v>FIN_I_bt_FL</v>
          </cell>
          <cell r="V328">
            <v>0</v>
          </cell>
          <cell r="W328">
            <v>0</v>
          </cell>
          <cell r="X328">
            <v>0</v>
          </cell>
          <cell r="Y328">
            <v>0</v>
          </cell>
          <cell r="Z328">
            <v>0</v>
          </cell>
          <cell r="AA328">
            <v>0</v>
          </cell>
          <cell r="AB328">
            <v>0</v>
          </cell>
        </row>
        <row r="329">
          <cell r="A329" t="str">
            <v>ALM_I_bt_FL</v>
          </cell>
          <cell r="V329">
            <v>0</v>
          </cell>
          <cell r="W329">
            <v>0</v>
          </cell>
          <cell r="X329">
            <v>0</v>
          </cell>
          <cell r="Y329">
            <v>0</v>
          </cell>
          <cell r="Z329">
            <v>0</v>
          </cell>
          <cell r="AA329">
            <v>0</v>
          </cell>
          <cell r="AB329">
            <v>0</v>
          </cell>
        </row>
        <row r="330">
          <cell r="A330" t="str">
            <v>FUO_I_bt_FL</v>
          </cell>
          <cell r="V330">
            <v>0</v>
          </cell>
          <cell r="W330">
            <v>0</v>
          </cell>
          <cell r="X330">
            <v>0</v>
          </cell>
          <cell r="Y330">
            <v>0</v>
          </cell>
          <cell r="Z330">
            <v>0</v>
          </cell>
          <cell r="AA330">
            <v>0</v>
          </cell>
          <cell r="AB330">
            <v>0</v>
          </cell>
        </row>
        <row r="331">
          <cell r="A331" t="str">
            <v>XXX_I_bt_FL</v>
          </cell>
          <cell r="V331">
            <v>0</v>
          </cell>
          <cell r="W331">
            <v>0</v>
          </cell>
          <cell r="X331">
            <v>0</v>
          </cell>
          <cell r="Y331">
            <v>0</v>
          </cell>
          <cell r="Z331">
            <v>0</v>
          </cell>
          <cell r="AA331">
            <v>0</v>
          </cell>
          <cell r="AB331">
            <v>0</v>
          </cell>
        </row>
        <row r="332">
          <cell r="A332" t="str">
            <v>TOT_I_bt_FL</v>
          </cell>
          <cell r="V332">
            <v>0</v>
          </cell>
          <cell r="W332">
            <v>0</v>
          </cell>
          <cell r="X332">
            <v>0</v>
          </cell>
          <cell r="Y332">
            <v>0</v>
          </cell>
          <cell r="Z332">
            <v>0</v>
          </cell>
          <cell r="AA332">
            <v>0</v>
          </cell>
          <cell r="AB332">
            <v>0</v>
          </cell>
        </row>
        <row r="333">
          <cell r="A333" t="str">
            <v>Val_I_mlt_FL</v>
          </cell>
          <cell r="V333">
            <v>0</v>
          </cell>
          <cell r="W333">
            <v>0</v>
          </cell>
          <cell r="X333">
            <v>0</v>
          </cell>
          <cell r="Y333">
            <v>0</v>
          </cell>
          <cell r="Z333">
            <v>0</v>
          </cell>
          <cell r="AA333">
            <v>0</v>
          </cell>
          <cell r="AB333">
            <v>0</v>
          </cell>
        </row>
        <row r="334">
          <cell r="A334" t="str">
            <v>Pre_I_mlt_FL</v>
          </cell>
          <cell r="V334">
            <v>0</v>
          </cell>
          <cell r="W334">
            <v>0</v>
          </cell>
          <cell r="X334">
            <v>0</v>
          </cell>
          <cell r="Y334">
            <v>0</v>
          </cell>
          <cell r="Z334">
            <v>0</v>
          </cell>
          <cell r="AA334">
            <v>0</v>
          </cell>
          <cell r="AB334">
            <v>0</v>
          </cell>
        </row>
        <row r="335">
          <cell r="A335" t="str">
            <v>Sma_I_mlt_FL</v>
          </cell>
          <cell r="V335">
            <v>0</v>
          </cell>
          <cell r="W335">
            <v>0</v>
          </cell>
          <cell r="X335">
            <v>0</v>
          </cell>
          <cell r="Y335">
            <v>0</v>
          </cell>
          <cell r="Z335">
            <v>0</v>
          </cell>
          <cell r="AA335">
            <v>0</v>
          </cell>
          <cell r="AB335">
            <v>0</v>
          </cell>
        </row>
        <row r="336">
          <cell r="A336" t="str">
            <v>Pri_I_mlt_FL</v>
          </cell>
          <cell r="V336">
            <v>0</v>
          </cell>
          <cell r="W336">
            <v>0</v>
          </cell>
          <cell r="X336">
            <v>0</v>
          </cell>
          <cell r="Y336">
            <v>0</v>
          </cell>
          <cell r="Z336">
            <v>0</v>
          </cell>
          <cell r="AA336">
            <v>0</v>
          </cell>
          <cell r="AB336">
            <v>0</v>
          </cell>
        </row>
        <row r="337">
          <cell r="A337" t="str">
            <v>Fam_I_mlt_FL</v>
          </cell>
          <cell r="V337">
            <v>0</v>
          </cell>
          <cell r="W337">
            <v>0</v>
          </cell>
          <cell r="X337">
            <v>0</v>
          </cell>
          <cell r="Y337">
            <v>0</v>
          </cell>
          <cell r="Z337">
            <v>0</v>
          </cell>
          <cell r="AA337">
            <v>0</v>
          </cell>
          <cell r="AB337">
            <v>0</v>
          </cell>
        </row>
        <row r="338">
          <cell r="A338" t="str">
            <v>PMI_I_mlt_FL</v>
          </cell>
          <cell r="V338">
            <v>0</v>
          </cell>
          <cell r="W338">
            <v>0</v>
          </cell>
          <cell r="X338">
            <v>0</v>
          </cell>
          <cell r="Y338">
            <v>0</v>
          </cell>
          <cell r="Z338">
            <v>0</v>
          </cell>
          <cell r="AA338">
            <v>0</v>
          </cell>
          <cell r="AB338">
            <v>0</v>
          </cell>
        </row>
        <row r="339">
          <cell r="A339" t="str">
            <v>ENT_I_mlt_FL</v>
          </cell>
          <cell r="V339">
            <v>0</v>
          </cell>
          <cell r="W339">
            <v>0</v>
          </cell>
          <cell r="X339">
            <v>0</v>
          </cell>
          <cell r="Y339">
            <v>0</v>
          </cell>
          <cell r="Z339">
            <v>0</v>
          </cell>
          <cell r="AA339">
            <v>0</v>
          </cell>
          <cell r="AB339">
            <v>0</v>
          </cell>
        </row>
        <row r="340">
          <cell r="A340" t="str">
            <v>Cor_I_mlt_FL</v>
          </cell>
          <cell r="V340">
            <v>0</v>
          </cell>
          <cell r="W340">
            <v>0</v>
          </cell>
          <cell r="X340">
            <v>0</v>
          </cell>
          <cell r="Y340">
            <v>0</v>
          </cell>
          <cell r="Z340">
            <v>0</v>
          </cell>
          <cell r="AA340">
            <v>0</v>
          </cell>
          <cell r="AB340">
            <v>0</v>
          </cell>
        </row>
        <row r="341">
          <cell r="A341" t="str">
            <v>Gra_I_mlt_FL</v>
          </cell>
          <cell r="V341">
            <v>0</v>
          </cell>
          <cell r="W341">
            <v>0</v>
          </cell>
          <cell r="X341">
            <v>0</v>
          </cell>
          <cell r="Y341">
            <v>0</v>
          </cell>
          <cell r="Z341">
            <v>0</v>
          </cell>
          <cell r="AA341">
            <v>0</v>
          </cell>
          <cell r="AB341">
            <v>0</v>
          </cell>
        </row>
        <row r="342">
          <cell r="A342" t="str">
            <v>FEX_I_mlt_FL</v>
          </cell>
          <cell r="V342">
            <v>0</v>
          </cell>
          <cell r="W342">
            <v>0</v>
          </cell>
          <cell r="X342">
            <v>0</v>
          </cell>
          <cell r="Y342">
            <v>0</v>
          </cell>
          <cell r="Z342">
            <v>0</v>
          </cell>
          <cell r="AA342">
            <v>0</v>
          </cell>
          <cell r="AB342">
            <v>0</v>
          </cell>
        </row>
        <row r="343">
          <cell r="A343" t="str">
            <v>MCL_I_mlt_FL</v>
          </cell>
          <cell r="V343">
            <v>0</v>
          </cell>
          <cell r="W343">
            <v>0</v>
          </cell>
          <cell r="X343">
            <v>0</v>
          </cell>
          <cell r="Y343">
            <v>0</v>
          </cell>
          <cell r="Z343">
            <v>0</v>
          </cell>
          <cell r="AA343">
            <v>0</v>
          </cell>
          <cell r="AB343">
            <v>0</v>
          </cell>
        </row>
        <row r="344">
          <cell r="A344" t="str">
            <v>MCG_I_mlt_FL</v>
          </cell>
          <cell r="V344">
            <v>0</v>
          </cell>
          <cell r="W344">
            <v>0</v>
          </cell>
          <cell r="X344">
            <v>0</v>
          </cell>
          <cell r="Y344">
            <v>0</v>
          </cell>
          <cell r="Z344">
            <v>0</v>
          </cell>
          <cell r="AA344">
            <v>0</v>
          </cell>
          <cell r="AB344">
            <v>0</v>
          </cell>
        </row>
        <row r="345">
          <cell r="A345" t="str">
            <v>MLE_I_mlt_FL</v>
          </cell>
          <cell r="V345">
            <v>0</v>
          </cell>
          <cell r="W345">
            <v>0</v>
          </cell>
          <cell r="X345">
            <v>0</v>
          </cell>
          <cell r="Y345">
            <v>0</v>
          </cell>
          <cell r="Z345">
            <v>0</v>
          </cell>
          <cell r="AA345">
            <v>0</v>
          </cell>
          <cell r="AB345">
            <v>0</v>
          </cell>
        </row>
        <row r="346">
          <cell r="A346" t="str">
            <v>MFA_I_mlt_FL</v>
          </cell>
          <cell r="V346">
            <v>0</v>
          </cell>
          <cell r="W346">
            <v>0</v>
          </cell>
          <cell r="X346">
            <v>0</v>
          </cell>
          <cell r="Y346">
            <v>0</v>
          </cell>
          <cell r="Z346">
            <v>0</v>
          </cell>
          <cell r="AA346">
            <v>0</v>
          </cell>
          <cell r="AB346">
            <v>0</v>
          </cell>
        </row>
        <row r="347">
          <cell r="A347" t="str">
            <v>MBQ_I_mlt_FL</v>
          </cell>
          <cell r="V347">
            <v>0</v>
          </cell>
          <cell r="W347">
            <v>0</v>
          </cell>
          <cell r="X347">
            <v>0</v>
          </cell>
          <cell r="Y347">
            <v>0</v>
          </cell>
          <cell r="Z347">
            <v>0</v>
          </cell>
          <cell r="AA347">
            <v>0</v>
          </cell>
          <cell r="AB347">
            <v>0</v>
          </cell>
        </row>
        <row r="348">
          <cell r="A348" t="str">
            <v>MBG_I_mlt_FL</v>
          </cell>
          <cell r="V348">
            <v>0</v>
          </cell>
          <cell r="W348">
            <v>0</v>
          </cell>
          <cell r="X348">
            <v>0</v>
          </cell>
          <cell r="Y348">
            <v>0</v>
          </cell>
          <cell r="Z348">
            <v>0</v>
          </cell>
          <cell r="AA348">
            <v>0</v>
          </cell>
          <cell r="AB348">
            <v>0</v>
          </cell>
        </row>
        <row r="349">
          <cell r="A349" t="str">
            <v>WID_I_mlt_FL</v>
          </cell>
          <cell r="V349">
            <v>0</v>
          </cell>
          <cell r="W349">
            <v>0</v>
          </cell>
          <cell r="X349">
            <v>0</v>
          </cell>
          <cell r="Y349">
            <v>0</v>
          </cell>
          <cell r="Z349">
            <v>0</v>
          </cell>
          <cell r="AA349">
            <v>0</v>
          </cell>
          <cell r="AB349">
            <v>0</v>
          </cell>
        </row>
        <row r="350">
          <cell r="A350" t="str">
            <v>FIN_I_mlt_FL</v>
          </cell>
          <cell r="V350">
            <v>0</v>
          </cell>
          <cell r="W350">
            <v>0</v>
          </cell>
          <cell r="X350">
            <v>0</v>
          </cell>
          <cell r="Y350">
            <v>0</v>
          </cell>
          <cell r="Z350">
            <v>0</v>
          </cell>
          <cell r="AA350">
            <v>0</v>
          </cell>
          <cell r="AB350">
            <v>0</v>
          </cell>
        </row>
        <row r="351">
          <cell r="A351" t="str">
            <v>ALM_I_mlt_FL</v>
          </cell>
          <cell r="V351">
            <v>0</v>
          </cell>
          <cell r="W351">
            <v>0</v>
          </cell>
          <cell r="X351">
            <v>0</v>
          </cell>
          <cell r="Y351">
            <v>0</v>
          </cell>
          <cell r="Z351">
            <v>0</v>
          </cell>
          <cell r="AA351">
            <v>0</v>
          </cell>
          <cell r="AB351">
            <v>0</v>
          </cell>
        </row>
        <row r="352">
          <cell r="A352" t="str">
            <v>FUO_I_mlt_FL</v>
          </cell>
          <cell r="V352">
            <v>0</v>
          </cell>
          <cell r="W352">
            <v>0</v>
          </cell>
          <cell r="X352">
            <v>0</v>
          </cell>
          <cell r="Y352">
            <v>0</v>
          </cell>
          <cell r="Z352">
            <v>0</v>
          </cell>
          <cell r="AA352">
            <v>0</v>
          </cell>
          <cell r="AB352">
            <v>0</v>
          </cell>
        </row>
        <row r="353">
          <cell r="A353" t="str">
            <v>XXX_I_mlt_FL</v>
          </cell>
          <cell r="V353">
            <v>0</v>
          </cell>
          <cell r="W353">
            <v>0</v>
          </cell>
          <cell r="X353">
            <v>0</v>
          </cell>
          <cell r="Y353">
            <v>0</v>
          </cell>
          <cell r="Z353">
            <v>0</v>
          </cell>
          <cell r="AA353">
            <v>0</v>
          </cell>
          <cell r="AB353">
            <v>0</v>
          </cell>
        </row>
        <row r="354">
          <cell r="A354" t="str">
            <v>TOT_I_mlt_FL</v>
          </cell>
          <cell r="V354">
            <v>0</v>
          </cell>
          <cell r="W354">
            <v>0</v>
          </cell>
          <cell r="X354">
            <v>0</v>
          </cell>
          <cell r="Y354">
            <v>0</v>
          </cell>
          <cell r="Z354">
            <v>0</v>
          </cell>
          <cell r="AA354">
            <v>0</v>
          </cell>
          <cell r="AB354">
            <v>0</v>
          </cell>
        </row>
        <row r="356">
          <cell r="A356" t="str">
            <v>Val_leasing_FL</v>
          </cell>
          <cell r="V356">
            <v>5.3060513699999996</v>
          </cell>
          <cell r="W356">
            <v>1.8239279500000001</v>
          </cell>
          <cell r="X356">
            <v>3.6499546400000002</v>
          </cell>
          <cell r="Y356">
            <v>7.2957118000000003</v>
          </cell>
          <cell r="Z356">
            <v>7.2957118000000003</v>
          </cell>
          <cell r="AA356">
            <v>7.2957118000000003</v>
          </cell>
          <cell r="AB356">
            <v>7.2957118000000003</v>
          </cell>
        </row>
        <row r="357">
          <cell r="A357" t="str">
            <v>Pre_leasing_FL</v>
          </cell>
          <cell r="V357">
            <v>1.6402110299999999</v>
          </cell>
          <cell r="W357">
            <v>0.14439062</v>
          </cell>
          <cell r="X357">
            <v>1.4338102699999999</v>
          </cell>
          <cell r="Y357">
            <v>0.57756247999999999</v>
          </cell>
          <cell r="Z357">
            <v>0.57756247999999999</v>
          </cell>
          <cell r="AA357">
            <v>0.57756247999999999</v>
          </cell>
          <cell r="AB357">
            <v>0.57756247999999999</v>
          </cell>
        </row>
        <row r="358">
          <cell r="A358" t="str">
            <v>Sma_leasing_FL</v>
          </cell>
          <cell r="V358">
            <v>103.87863868999999</v>
          </cell>
          <cell r="W358">
            <v>28.035884460000002</v>
          </cell>
          <cell r="X358">
            <v>68.24505216</v>
          </cell>
          <cell r="Y358">
            <v>112.14353784000001</v>
          </cell>
          <cell r="Z358">
            <v>112.14353784000001</v>
          </cell>
          <cell r="AA358">
            <v>112.14353784000001</v>
          </cell>
          <cell r="AB358">
            <v>112.14353784000001</v>
          </cell>
        </row>
        <row r="359">
          <cell r="A359" t="str">
            <v>Pri_leasing_FL</v>
          </cell>
          <cell r="V359">
            <v>1.8620284100000002</v>
          </cell>
          <cell r="W359">
            <v>0.1</v>
          </cell>
          <cell r="X359">
            <v>0.58450819999999992</v>
          </cell>
          <cell r="Y359">
            <v>0.4</v>
          </cell>
          <cell r="Z359">
            <v>0.4</v>
          </cell>
          <cell r="AA359">
            <v>0.4</v>
          </cell>
          <cell r="AB359">
            <v>0.4</v>
          </cell>
        </row>
        <row r="360">
          <cell r="A360" t="str">
            <v>Fam_leasing_FL</v>
          </cell>
          <cell r="V360">
            <v>0</v>
          </cell>
          <cell r="W360">
            <v>0</v>
          </cell>
          <cell r="X360">
            <v>0</v>
          </cell>
          <cell r="Y360">
            <v>0</v>
          </cell>
          <cell r="Z360">
            <v>0</v>
          </cell>
          <cell r="AA360">
            <v>0</v>
          </cell>
          <cell r="AB360">
            <v>0</v>
          </cell>
        </row>
        <row r="361">
          <cell r="A361" t="str">
            <v>PMI_leasing_FL</v>
          </cell>
          <cell r="V361">
            <v>163.75668303</v>
          </cell>
          <cell r="W361">
            <v>35.220395129999993</v>
          </cell>
          <cell r="X361">
            <v>83.763039789999993</v>
          </cell>
          <cell r="Y361">
            <v>140.88158051999997</v>
          </cell>
          <cell r="Z361">
            <v>140.88158051999997</v>
          </cell>
          <cell r="AA361">
            <v>140.88158051999997</v>
          </cell>
          <cell r="AB361">
            <v>140.88158051999997</v>
          </cell>
        </row>
        <row r="362">
          <cell r="A362" t="str">
            <v>ENT_leasing_FL</v>
          </cell>
          <cell r="V362">
            <v>5.3785994800000001</v>
          </cell>
          <cell r="W362">
            <v>0.54596</v>
          </cell>
          <cell r="X362">
            <v>1.8069570400000001</v>
          </cell>
          <cell r="Y362">
            <v>2.18384</v>
          </cell>
          <cell r="Z362">
            <v>2.18384</v>
          </cell>
          <cell r="AA362">
            <v>2.18384</v>
          </cell>
          <cell r="AB362">
            <v>2.18384</v>
          </cell>
        </row>
        <row r="363">
          <cell r="A363" t="str">
            <v>Cor_leasing_FL</v>
          </cell>
          <cell r="V363">
            <v>22.76100989</v>
          </cell>
          <cell r="W363">
            <v>16.381825920000001</v>
          </cell>
          <cell r="X363">
            <v>34.559427810000003</v>
          </cell>
          <cell r="Y363">
            <v>65.527303680000003</v>
          </cell>
          <cell r="Z363">
            <v>65.527303680000003</v>
          </cell>
          <cell r="AA363">
            <v>65.527303680000003</v>
          </cell>
          <cell r="AB363">
            <v>65.527303680000003</v>
          </cell>
        </row>
        <row r="364">
          <cell r="A364" t="str">
            <v>Gra_leasing_FL</v>
          </cell>
          <cell r="V364">
            <v>3.6494599999999999</v>
          </cell>
          <cell r="W364">
            <v>0</v>
          </cell>
          <cell r="X364">
            <v>0</v>
          </cell>
          <cell r="Y364">
            <v>0</v>
          </cell>
          <cell r="Z364">
            <v>0</v>
          </cell>
          <cell r="AA364">
            <v>0</v>
          </cell>
          <cell r="AB364">
            <v>0</v>
          </cell>
        </row>
        <row r="365">
          <cell r="A365" t="str">
            <v>FEX_leasing_FL</v>
          </cell>
          <cell r="V365">
            <v>0</v>
          </cell>
          <cell r="W365">
            <v>0</v>
          </cell>
          <cell r="X365">
            <v>0</v>
          </cell>
          <cell r="Y365">
            <v>0</v>
          </cell>
          <cell r="Z365">
            <v>0</v>
          </cell>
          <cell r="AA365">
            <v>0</v>
          </cell>
          <cell r="AB365">
            <v>0</v>
          </cell>
        </row>
        <row r="366">
          <cell r="A366" t="str">
            <v>MCL_leasing_FL</v>
          </cell>
          <cell r="V366">
            <v>0</v>
          </cell>
          <cell r="W366">
            <v>0</v>
          </cell>
          <cell r="X366">
            <v>0</v>
          </cell>
          <cell r="Y366">
            <v>0</v>
          </cell>
          <cell r="Z366">
            <v>0</v>
          </cell>
          <cell r="AA366">
            <v>0</v>
          </cell>
          <cell r="AB366">
            <v>0</v>
          </cell>
        </row>
        <row r="367">
          <cell r="A367" t="str">
            <v>MCG_leasing_FL</v>
          </cell>
          <cell r="V367">
            <v>0</v>
          </cell>
          <cell r="W367">
            <v>0</v>
          </cell>
          <cell r="X367">
            <v>0</v>
          </cell>
          <cell r="Y367">
            <v>0</v>
          </cell>
          <cell r="Z367">
            <v>0</v>
          </cell>
          <cell r="AA367">
            <v>0</v>
          </cell>
          <cell r="AB367">
            <v>0</v>
          </cell>
        </row>
        <row r="368">
          <cell r="A368" t="str">
            <v>MLE_leasing_FL</v>
          </cell>
          <cell r="V368">
            <v>0</v>
          </cell>
          <cell r="W368">
            <v>0</v>
          </cell>
          <cell r="X368">
            <v>0</v>
          </cell>
          <cell r="Y368">
            <v>0</v>
          </cell>
          <cell r="Z368">
            <v>0</v>
          </cell>
          <cell r="AA368">
            <v>0</v>
          </cell>
          <cell r="AB368">
            <v>0</v>
          </cell>
        </row>
        <row r="369">
          <cell r="A369" t="str">
            <v>MFA_leasing_FL</v>
          </cell>
          <cell r="V369">
            <v>0</v>
          </cell>
          <cell r="W369">
            <v>0</v>
          </cell>
          <cell r="X369">
            <v>0</v>
          </cell>
          <cell r="Y369">
            <v>0</v>
          </cell>
          <cell r="Z369">
            <v>0</v>
          </cell>
          <cell r="AA369">
            <v>0</v>
          </cell>
          <cell r="AB369">
            <v>0</v>
          </cell>
        </row>
        <row r="370">
          <cell r="A370" t="str">
            <v>MBQ_leasing_FL</v>
          </cell>
          <cell r="V370">
            <v>0</v>
          </cell>
          <cell r="W370">
            <v>0</v>
          </cell>
          <cell r="X370">
            <v>0</v>
          </cell>
          <cell r="Y370">
            <v>0</v>
          </cell>
          <cell r="Z370">
            <v>0</v>
          </cell>
          <cell r="AA370">
            <v>0</v>
          </cell>
          <cell r="AB370">
            <v>0</v>
          </cell>
        </row>
        <row r="371">
          <cell r="A371" t="str">
            <v>MBG_leasing_FL</v>
          </cell>
          <cell r="V371">
            <v>0</v>
          </cell>
          <cell r="W371">
            <v>0</v>
          </cell>
          <cell r="X371">
            <v>0</v>
          </cell>
          <cell r="Y371">
            <v>0</v>
          </cell>
          <cell r="Z371">
            <v>0</v>
          </cell>
          <cell r="AA371">
            <v>0</v>
          </cell>
          <cell r="AB371">
            <v>0</v>
          </cell>
        </row>
        <row r="372">
          <cell r="A372" t="str">
            <v>WID_leasing_FL</v>
          </cell>
          <cell r="V372">
            <v>0</v>
          </cell>
          <cell r="W372">
            <v>0</v>
          </cell>
          <cell r="X372">
            <v>0</v>
          </cell>
          <cell r="Y372">
            <v>0</v>
          </cell>
          <cell r="Z372">
            <v>0</v>
          </cell>
          <cell r="AA372">
            <v>0</v>
          </cell>
          <cell r="AB372">
            <v>0</v>
          </cell>
        </row>
        <row r="373">
          <cell r="A373" t="str">
            <v>FIN_leasing_FL</v>
          </cell>
          <cell r="V373">
            <v>0</v>
          </cell>
          <cell r="W373">
            <v>0</v>
          </cell>
          <cell r="X373">
            <v>0</v>
          </cell>
          <cell r="Y373">
            <v>0</v>
          </cell>
          <cell r="Z373">
            <v>0</v>
          </cell>
          <cell r="AA373">
            <v>0</v>
          </cell>
          <cell r="AB373">
            <v>0</v>
          </cell>
        </row>
        <row r="374">
          <cell r="A374" t="str">
            <v>ALM_leasing_FL</v>
          </cell>
          <cell r="V374">
            <v>0</v>
          </cell>
          <cell r="W374">
            <v>0</v>
          </cell>
          <cell r="X374">
            <v>0</v>
          </cell>
          <cell r="Y374">
            <v>0</v>
          </cell>
          <cell r="Z374">
            <v>0</v>
          </cell>
          <cell r="AA374">
            <v>0</v>
          </cell>
          <cell r="AB374">
            <v>0</v>
          </cell>
        </row>
        <row r="375">
          <cell r="A375" t="str">
            <v>FUO_leasing_FL</v>
          </cell>
          <cell r="V375">
            <v>0</v>
          </cell>
          <cell r="W375">
            <v>0</v>
          </cell>
          <cell r="X375">
            <v>0</v>
          </cell>
          <cell r="Y375">
            <v>0</v>
          </cell>
          <cell r="Z375">
            <v>0</v>
          </cell>
          <cell r="AA375">
            <v>0</v>
          </cell>
          <cell r="AB375">
            <v>0</v>
          </cell>
        </row>
        <row r="376">
          <cell r="A376" t="str">
            <v>XXX_leasing_FL</v>
          </cell>
          <cell r="V376">
            <v>0</v>
          </cell>
          <cell r="W376">
            <v>0</v>
          </cell>
          <cell r="X376">
            <v>0</v>
          </cell>
          <cell r="Y376">
            <v>0</v>
          </cell>
          <cell r="Z376">
            <v>0</v>
          </cell>
          <cell r="AA376">
            <v>0</v>
          </cell>
          <cell r="AB376">
            <v>0</v>
          </cell>
        </row>
        <row r="377">
          <cell r="A377" t="str">
            <v>TOT_leasing_FL</v>
          </cell>
          <cell r="V377">
            <v>308.23268189999999</v>
          </cell>
          <cell r="W377">
            <v>82.252384079999985</v>
          </cell>
          <cell r="X377">
            <v>194.04274991</v>
          </cell>
          <cell r="Y377">
            <v>329.00953631999994</v>
          </cell>
          <cell r="Z377">
            <v>329.00953631999994</v>
          </cell>
          <cell r="AA377">
            <v>329.00953631999994</v>
          </cell>
          <cell r="AB377">
            <v>329.00953631999994</v>
          </cell>
        </row>
        <row r="379">
          <cell r="A379" t="str">
            <v>Val_factoring_FL</v>
          </cell>
          <cell r="V379">
            <v>3.9050132300000007</v>
          </cell>
          <cell r="W379">
            <v>0</v>
          </cell>
          <cell r="X379">
            <v>0</v>
          </cell>
          <cell r="Y379">
            <v>0</v>
          </cell>
          <cell r="Z379">
            <v>0</v>
          </cell>
          <cell r="AA379">
            <v>0</v>
          </cell>
          <cell r="AB379">
            <v>0</v>
          </cell>
        </row>
        <row r="380">
          <cell r="A380" t="str">
            <v>Pre_factoring_FL</v>
          </cell>
          <cell r="V380">
            <v>0</v>
          </cell>
          <cell r="W380">
            <v>0</v>
          </cell>
          <cell r="X380">
            <v>0</v>
          </cell>
          <cell r="Y380">
            <v>0</v>
          </cell>
          <cell r="Z380">
            <v>0</v>
          </cell>
          <cell r="AA380">
            <v>0</v>
          </cell>
          <cell r="AB380">
            <v>0</v>
          </cell>
        </row>
        <row r="381">
          <cell r="A381" t="str">
            <v>Sma_factoring_FL</v>
          </cell>
          <cell r="V381">
            <v>92.089784220000013</v>
          </cell>
          <cell r="W381">
            <v>30.209377579999998</v>
          </cell>
          <cell r="X381">
            <v>74.697111290000009</v>
          </cell>
          <cell r="Y381">
            <v>120.83751031999999</v>
          </cell>
          <cell r="Z381">
            <v>120.83751031999999</v>
          </cell>
          <cell r="AA381">
            <v>120.83751031999999</v>
          </cell>
          <cell r="AB381">
            <v>120.83751031999999</v>
          </cell>
        </row>
        <row r="382">
          <cell r="A382" t="str">
            <v>Pri_factoring_FL</v>
          </cell>
          <cell r="V382">
            <v>0</v>
          </cell>
          <cell r="W382">
            <v>0</v>
          </cell>
          <cell r="X382">
            <v>0</v>
          </cell>
          <cell r="Y382">
            <v>0</v>
          </cell>
          <cell r="Z382">
            <v>0</v>
          </cell>
          <cell r="AA382">
            <v>0</v>
          </cell>
          <cell r="AB382">
            <v>0</v>
          </cell>
        </row>
        <row r="383">
          <cell r="A383" t="str">
            <v>Fam_factoring_FL</v>
          </cell>
          <cell r="V383">
            <v>0</v>
          </cell>
          <cell r="W383">
            <v>0</v>
          </cell>
          <cell r="X383">
            <v>0</v>
          </cell>
          <cell r="Y383">
            <v>0</v>
          </cell>
          <cell r="Z383">
            <v>0</v>
          </cell>
          <cell r="AA383">
            <v>0</v>
          </cell>
          <cell r="AB383">
            <v>0</v>
          </cell>
        </row>
        <row r="384">
          <cell r="A384" t="str">
            <v>PMI_factoring_FL</v>
          </cell>
          <cell r="V384">
            <v>1946.7515970100001</v>
          </cell>
          <cell r="W384">
            <v>361.67009332999999</v>
          </cell>
          <cell r="X384">
            <v>791.93195879999996</v>
          </cell>
          <cell r="Y384">
            <v>1446.6803733199999</v>
          </cell>
          <cell r="Z384">
            <v>1446.6803733199999</v>
          </cell>
          <cell r="AA384">
            <v>1446.6803733199999</v>
          </cell>
          <cell r="AB384">
            <v>1446.6803733199999</v>
          </cell>
        </row>
        <row r="385">
          <cell r="A385" t="str">
            <v>ENT_factoring_FL</v>
          </cell>
          <cell r="V385">
            <v>83.511136269999994</v>
          </cell>
          <cell r="W385">
            <v>30.1345955</v>
          </cell>
          <cell r="X385">
            <v>38.232938439999998</v>
          </cell>
          <cell r="Y385">
            <v>120.538382</v>
          </cell>
          <cell r="Z385">
            <v>120.538382</v>
          </cell>
          <cell r="AA385">
            <v>120.538382</v>
          </cell>
          <cell r="AB385">
            <v>120.538382</v>
          </cell>
        </row>
        <row r="386">
          <cell r="A386" t="str">
            <v>Cor_factoring_FL</v>
          </cell>
          <cell r="V386">
            <v>685.93314916999998</v>
          </cell>
          <cell r="W386">
            <v>275.79808431999999</v>
          </cell>
          <cell r="X386">
            <v>547.61871200999997</v>
          </cell>
          <cell r="Y386">
            <v>1103.1923372799999</v>
          </cell>
          <cell r="Z386">
            <v>1103.1923372799999</v>
          </cell>
          <cell r="AA386">
            <v>1103.1923372799999</v>
          </cell>
          <cell r="AB386">
            <v>1103.1923372799999</v>
          </cell>
        </row>
        <row r="387">
          <cell r="A387" t="str">
            <v>Gra_factoring_FL</v>
          </cell>
          <cell r="V387">
            <v>1117.5027860999999</v>
          </cell>
          <cell r="W387">
            <v>395.12923101999996</v>
          </cell>
          <cell r="X387">
            <v>786.98361334000003</v>
          </cell>
          <cell r="Y387">
            <v>1580.5169240799999</v>
          </cell>
          <cell r="Z387">
            <v>1580.5169240799999</v>
          </cell>
          <cell r="AA387">
            <v>1580.5169240799999</v>
          </cell>
          <cell r="AB387">
            <v>1580.5169240799999</v>
          </cell>
        </row>
        <row r="388">
          <cell r="A388" t="str">
            <v>FEX_factoring_FL</v>
          </cell>
          <cell r="V388">
            <v>0</v>
          </cell>
          <cell r="W388">
            <v>0</v>
          </cell>
          <cell r="X388">
            <v>0</v>
          </cell>
          <cell r="Y388">
            <v>0</v>
          </cell>
          <cell r="Z388">
            <v>0</v>
          </cell>
          <cell r="AA388">
            <v>0</v>
          </cell>
          <cell r="AB388">
            <v>0</v>
          </cell>
        </row>
        <row r="389">
          <cell r="A389" t="str">
            <v>MCL_factoring_FL</v>
          </cell>
          <cell r="V389">
            <v>0</v>
          </cell>
          <cell r="W389">
            <v>0</v>
          </cell>
          <cell r="X389">
            <v>0</v>
          </cell>
          <cell r="Y389">
            <v>0</v>
          </cell>
          <cell r="Z389">
            <v>0</v>
          </cell>
          <cell r="AA389">
            <v>0</v>
          </cell>
          <cell r="AB389">
            <v>0</v>
          </cell>
        </row>
        <row r="390">
          <cell r="A390" t="str">
            <v>MCG_factoring_FL</v>
          </cell>
          <cell r="V390">
            <v>0</v>
          </cell>
          <cell r="W390">
            <v>0</v>
          </cell>
          <cell r="X390">
            <v>0</v>
          </cell>
          <cell r="Y390">
            <v>0</v>
          </cell>
          <cell r="Z390">
            <v>0</v>
          </cell>
          <cell r="AA390">
            <v>0</v>
          </cell>
          <cell r="AB390">
            <v>0</v>
          </cell>
        </row>
        <row r="391">
          <cell r="A391" t="str">
            <v>MLE_factoring_FL</v>
          </cell>
          <cell r="V391">
            <v>0</v>
          </cell>
          <cell r="W391">
            <v>0</v>
          </cell>
          <cell r="X391">
            <v>0</v>
          </cell>
          <cell r="Y391">
            <v>0</v>
          </cell>
          <cell r="Z391">
            <v>0</v>
          </cell>
          <cell r="AA391">
            <v>0</v>
          </cell>
          <cell r="AB391">
            <v>0</v>
          </cell>
        </row>
        <row r="392">
          <cell r="A392" t="str">
            <v>MFA_factoring_FL</v>
          </cell>
          <cell r="V392">
            <v>0</v>
          </cell>
          <cell r="W392">
            <v>0</v>
          </cell>
          <cell r="X392">
            <v>0</v>
          </cell>
          <cell r="Y392">
            <v>0</v>
          </cell>
          <cell r="Z392">
            <v>0</v>
          </cell>
          <cell r="AA392">
            <v>0</v>
          </cell>
          <cell r="AB392">
            <v>0</v>
          </cell>
        </row>
        <row r="393">
          <cell r="A393" t="str">
            <v>MBQ_factoring_FL</v>
          </cell>
          <cell r="V393">
            <v>0</v>
          </cell>
          <cell r="W393">
            <v>0</v>
          </cell>
          <cell r="X393">
            <v>0</v>
          </cell>
          <cell r="Y393">
            <v>0</v>
          </cell>
          <cell r="Z393">
            <v>0</v>
          </cell>
          <cell r="AA393">
            <v>0</v>
          </cell>
          <cell r="AB393">
            <v>0</v>
          </cell>
        </row>
        <row r="394">
          <cell r="A394" t="str">
            <v>MBG_factoring_FL</v>
          </cell>
          <cell r="V394">
            <v>0</v>
          </cell>
          <cell r="W394">
            <v>0</v>
          </cell>
          <cell r="X394">
            <v>0</v>
          </cell>
          <cell r="Y394">
            <v>0</v>
          </cell>
          <cell r="Z394">
            <v>0</v>
          </cell>
          <cell r="AA394">
            <v>0</v>
          </cell>
          <cell r="AB394">
            <v>0</v>
          </cell>
        </row>
        <row r="395">
          <cell r="A395" t="str">
            <v>WID_factoring_FL</v>
          </cell>
          <cell r="V395">
            <v>0</v>
          </cell>
          <cell r="W395">
            <v>0</v>
          </cell>
          <cell r="X395">
            <v>0</v>
          </cell>
          <cell r="Y395">
            <v>0</v>
          </cell>
          <cell r="Z395">
            <v>0</v>
          </cell>
          <cell r="AA395">
            <v>0</v>
          </cell>
          <cell r="AB395">
            <v>0</v>
          </cell>
        </row>
        <row r="396">
          <cell r="A396" t="str">
            <v>FIN_factoring_FL</v>
          </cell>
          <cell r="V396">
            <v>0</v>
          </cell>
          <cell r="W396">
            <v>0</v>
          </cell>
          <cell r="X396">
            <v>0</v>
          </cell>
          <cell r="Y396">
            <v>0</v>
          </cell>
          <cell r="Z396">
            <v>0</v>
          </cell>
          <cell r="AA396">
            <v>0</v>
          </cell>
          <cell r="AB396">
            <v>0</v>
          </cell>
        </row>
        <row r="397">
          <cell r="A397" t="str">
            <v>ALM_factoring_FL</v>
          </cell>
          <cell r="V397">
            <v>0</v>
          </cell>
          <cell r="W397">
            <v>0</v>
          </cell>
          <cell r="X397">
            <v>0</v>
          </cell>
          <cell r="Y397">
            <v>0</v>
          </cell>
          <cell r="Z397">
            <v>0</v>
          </cell>
          <cell r="AA397">
            <v>0</v>
          </cell>
          <cell r="AB397">
            <v>0</v>
          </cell>
        </row>
        <row r="398">
          <cell r="A398" t="str">
            <v>FUO_factoring_FL</v>
          </cell>
          <cell r="V398">
            <v>0</v>
          </cell>
          <cell r="W398">
            <v>0</v>
          </cell>
          <cell r="X398">
            <v>0</v>
          </cell>
          <cell r="Y398">
            <v>0</v>
          </cell>
          <cell r="Z398">
            <v>0</v>
          </cell>
          <cell r="AA398">
            <v>0</v>
          </cell>
          <cell r="AB398">
            <v>0</v>
          </cell>
        </row>
        <row r="399">
          <cell r="A399" t="str">
            <v>XXX_factoring_FL</v>
          </cell>
          <cell r="V399">
            <v>0</v>
          </cell>
          <cell r="W399">
            <v>0</v>
          </cell>
          <cell r="X399">
            <v>0</v>
          </cell>
          <cell r="Y399">
            <v>0</v>
          </cell>
          <cell r="Z399">
            <v>0</v>
          </cell>
          <cell r="AA399">
            <v>0</v>
          </cell>
          <cell r="AB399">
            <v>0</v>
          </cell>
        </row>
        <row r="400">
          <cell r="A400" t="str">
            <v>TOT_factoring_FL</v>
          </cell>
          <cell r="V400">
            <v>3929.6934660000002</v>
          </cell>
          <cell r="W400">
            <v>1092.9413817499999</v>
          </cell>
          <cell r="X400">
            <v>2239.4643338799997</v>
          </cell>
          <cell r="Y400">
            <v>4371.7655269999996</v>
          </cell>
          <cell r="Z400">
            <v>4371.7655269999996</v>
          </cell>
          <cell r="AA400">
            <v>4371.7655269999996</v>
          </cell>
          <cell r="AB400">
            <v>4371.7655269999996</v>
          </cell>
        </row>
        <row r="402">
          <cell r="A402" t="str">
            <v>Val_compass_FL</v>
          </cell>
          <cell r="V402">
            <v>678.36410485999988</v>
          </cell>
          <cell r="W402">
            <v>220.37434719000001</v>
          </cell>
          <cell r="X402">
            <v>495.89198266999995</v>
          </cell>
          <cell r="Y402">
            <v>746.20051534599997</v>
          </cell>
          <cell r="Z402">
            <v>828.28257203406008</v>
          </cell>
          <cell r="AA402">
            <v>927.67648067814741</v>
          </cell>
          <cell r="AB402">
            <v>1048.2744231663064</v>
          </cell>
        </row>
        <row r="403">
          <cell r="A403" t="str">
            <v>Pre_compass_FL</v>
          </cell>
          <cell r="V403">
            <v>22.186229530000002</v>
          </cell>
          <cell r="W403">
            <v>5.9062435600000009</v>
          </cell>
          <cell r="X403">
            <v>13.088713429999999</v>
          </cell>
          <cell r="Y403">
            <v>24.404852483000003</v>
          </cell>
          <cell r="Z403">
            <v>27.089386256130005</v>
          </cell>
          <cell r="AA403">
            <v>30.34011260686561</v>
          </cell>
          <cell r="AB403">
            <v>34.284327245758135</v>
          </cell>
        </row>
        <row r="404">
          <cell r="A404" t="str">
            <v>Sma_compass_FL</v>
          </cell>
          <cell r="V404">
            <v>48.507946369999999</v>
          </cell>
          <cell r="W404">
            <v>7.3439688899999993</v>
          </cell>
          <cell r="X404">
            <v>13.804498930000001</v>
          </cell>
          <cell r="Y404">
            <v>53.358741007000006</v>
          </cell>
          <cell r="Z404">
            <v>59.228202517770015</v>
          </cell>
          <cell r="AA404">
            <v>66.335586819902417</v>
          </cell>
          <cell r="AB404">
            <v>74.959213106489727</v>
          </cell>
        </row>
        <row r="405">
          <cell r="A405" t="str">
            <v>Pri_compass_FL</v>
          </cell>
          <cell r="V405">
            <v>9.9453E-2</v>
          </cell>
          <cell r="W405">
            <v>5.7359999999999998E-3</v>
          </cell>
          <cell r="X405">
            <v>1.0836E-2</v>
          </cell>
          <cell r="Y405">
            <v>0.1093983</v>
          </cell>
          <cell r="Z405">
            <v>0.12143211300000001</v>
          </cell>
          <cell r="AA405">
            <v>0.13600396656000002</v>
          </cell>
          <cell r="AB405">
            <v>0.15368448221280001</v>
          </cell>
        </row>
        <row r="406">
          <cell r="A406" t="str">
            <v>Fam_compass_FL</v>
          </cell>
          <cell r="V406">
            <v>5.1000000000000004E-3</v>
          </cell>
          <cell r="W406">
            <v>0</v>
          </cell>
          <cell r="X406">
            <v>0</v>
          </cell>
          <cell r="Y406">
            <v>5.6100000000000013E-3</v>
          </cell>
          <cell r="Z406">
            <v>6.2271000000000019E-3</v>
          </cell>
          <cell r="AA406">
            <v>6.9743520000000031E-3</v>
          </cell>
          <cell r="AB406">
            <v>7.8810177600000027E-3</v>
          </cell>
        </row>
        <row r="407">
          <cell r="A407" t="str">
            <v>PMI_compass_FL</v>
          </cell>
          <cell r="V407">
            <v>1.183093E-2</v>
          </cell>
          <cell r="W407">
            <v>0</v>
          </cell>
          <cell r="X407">
            <v>3.4035709999999997E-2</v>
          </cell>
          <cell r="Y407">
            <v>1.3014023000000001E-2</v>
          </cell>
          <cell r="Z407">
            <v>1.4445565530000003E-2</v>
          </cell>
          <cell r="AA407">
            <v>1.6179033393600006E-2</v>
          </cell>
          <cell r="AB407">
            <v>1.8282307734768004E-2</v>
          </cell>
        </row>
        <row r="408">
          <cell r="A408" t="str">
            <v>ENT_compass_FL</v>
          </cell>
          <cell r="V408">
            <v>0</v>
          </cell>
          <cell r="W408">
            <v>0</v>
          </cell>
          <cell r="X408">
            <v>0</v>
          </cell>
          <cell r="Y408">
            <v>0</v>
          </cell>
          <cell r="Z408">
            <v>0</v>
          </cell>
          <cell r="AA408">
            <v>0</v>
          </cell>
          <cell r="AB408">
            <v>0</v>
          </cell>
        </row>
        <row r="409">
          <cell r="A409" t="str">
            <v>Cor_compass_FL</v>
          </cell>
          <cell r="V409">
            <v>0</v>
          </cell>
          <cell r="W409">
            <v>0</v>
          </cell>
          <cell r="X409">
            <v>0</v>
          </cell>
          <cell r="Y409">
            <v>0</v>
          </cell>
          <cell r="Z409">
            <v>0</v>
          </cell>
          <cell r="AA409">
            <v>0</v>
          </cell>
          <cell r="AB409">
            <v>0</v>
          </cell>
        </row>
        <row r="410">
          <cell r="A410" t="str">
            <v>Gra_compass_FL</v>
          </cell>
          <cell r="V410">
            <v>0</v>
          </cell>
          <cell r="W410">
            <v>0</v>
          </cell>
          <cell r="X410">
            <v>0</v>
          </cell>
          <cell r="Y410">
            <v>0</v>
          </cell>
          <cell r="Z410">
            <v>0</v>
          </cell>
          <cell r="AA410">
            <v>0</v>
          </cell>
          <cell r="AB410">
            <v>0</v>
          </cell>
        </row>
        <row r="411">
          <cell r="A411" t="str">
            <v>FEX_compass_FL</v>
          </cell>
          <cell r="V411">
            <v>0</v>
          </cell>
          <cell r="W411">
            <v>0</v>
          </cell>
          <cell r="X411">
            <v>0</v>
          </cell>
          <cell r="Y411">
            <v>0</v>
          </cell>
          <cell r="Z411">
            <v>0</v>
          </cell>
          <cell r="AA411">
            <v>0</v>
          </cell>
          <cell r="AB411">
            <v>0</v>
          </cell>
        </row>
        <row r="412">
          <cell r="A412" t="str">
            <v>MCL_compass_FL</v>
          </cell>
          <cell r="V412">
            <v>0</v>
          </cell>
          <cell r="W412">
            <v>0</v>
          </cell>
          <cell r="X412">
            <v>0</v>
          </cell>
          <cell r="Y412">
            <v>0</v>
          </cell>
          <cell r="Z412">
            <v>0</v>
          </cell>
          <cell r="AA412">
            <v>0</v>
          </cell>
          <cell r="AB412">
            <v>0</v>
          </cell>
        </row>
        <row r="413">
          <cell r="A413" t="str">
            <v>MCG_compass_FL</v>
          </cell>
          <cell r="V413">
            <v>0</v>
          </cell>
          <cell r="W413">
            <v>0</v>
          </cell>
          <cell r="X413">
            <v>0</v>
          </cell>
          <cell r="Y413">
            <v>0</v>
          </cell>
          <cell r="Z413">
            <v>0</v>
          </cell>
          <cell r="AA413">
            <v>0</v>
          </cell>
          <cell r="AB413">
            <v>0</v>
          </cell>
        </row>
        <row r="414">
          <cell r="A414" t="str">
            <v>MLE_compass_FL</v>
          </cell>
          <cell r="V414">
            <v>0</v>
          </cell>
          <cell r="W414">
            <v>0</v>
          </cell>
          <cell r="X414">
            <v>0</v>
          </cell>
          <cell r="Y414">
            <v>0</v>
          </cell>
          <cell r="Z414">
            <v>0</v>
          </cell>
          <cell r="AA414">
            <v>0</v>
          </cell>
          <cell r="AB414">
            <v>0</v>
          </cell>
        </row>
        <row r="415">
          <cell r="A415" t="str">
            <v>MFA_compass_FL</v>
          </cell>
          <cell r="V415">
            <v>0</v>
          </cell>
          <cell r="W415">
            <v>0</v>
          </cell>
          <cell r="X415">
            <v>0</v>
          </cell>
          <cell r="Y415">
            <v>0</v>
          </cell>
          <cell r="Z415">
            <v>0</v>
          </cell>
          <cell r="AA415">
            <v>0</v>
          </cell>
          <cell r="AB415">
            <v>0</v>
          </cell>
        </row>
        <row r="416">
          <cell r="A416" t="str">
            <v>MBQ_compass_FL</v>
          </cell>
          <cell r="V416">
            <v>0</v>
          </cell>
          <cell r="W416">
            <v>0</v>
          </cell>
          <cell r="X416">
            <v>0</v>
          </cell>
          <cell r="Y416">
            <v>0</v>
          </cell>
          <cell r="Z416">
            <v>0</v>
          </cell>
          <cell r="AA416">
            <v>0</v>
          </cell>
          <cell r="AB416">
            <v>0</v>
          </cell>
        </row>
        <row r="417">
          <cell r="A417" t="str">
            <v>MBG_compass_FL</v>
          </cell>
          <cell r="V417">
            <v>0</v>
          </cell>
          <cell r="W417">
            <v>0</v>
          </cell>
          <cell r="X417">
            <v>0</v>
          </cell>
          <cell r="Y417">
            <v>0</v>
          </cell>
          <cell r="Z417">
            <v>0</v>
          </cell>
          <cell r="AA417">
            <v>0</v>
          </cell>
          <cell r="AB417">
            <v>0</v>
          </cell>
        </row>
        <row r="418">
          <cell r="A418" t="str">
            <v>WID_compass_FL</v>
          </cell>
          <cell r="V418">
            <v>0</v>
          </cell>
          <cell r="W418">
            <v>0</v>
          </cell>
          <cell r="X418">
            <v>0</v>
          </cell>
          <cell r="Y418">
            <v>0</v>
          </cell>
          <cell r="Z418">
            <v>0</v>
          </cell>
          <cell r="AA418">
            <v>0</v>
          </cell>
          <cell r="AB418">
            <v>0</v>
          </cell>
        </row>
        <row r="419">
          <cell r="A419" t="str">
            <v>FIN_compass_FL</v>
          </cell>
          <cell r="V419">
            <v>0</v>
          </cell>
          <cell r="W419">
            <v>0</v>
          </cell>
          <cell r="X419">
            <v>0</v>
          </cell>
          <cell r="Y419">
            <v>0</v>
          </cell>
          <cell r="Z419">
            <v>0</v>
          </cell>
          <cell r="AA419">
            <v>0</v>
          </cell>
          <cell r="AB419">
            <v>0</v>
          </cell>
        </row>
        <row r="420">
          <cell r="A420" t="str">
            <v>ALM_compass_FL</v>
          </cell>
          <cell r="V420">
            <v>0</v>
          </cell>
          <cell r="W420">
            <v>0</v>
          </cell>
          <cell r="X420">
            <v>0</v>
          </cell>
          <cell r="Y420">
            <v>0</v>
          </cell>
          <cell r="Z420">
            <v>0</v>
          </cell>
          <cell r="AA420">
            <v>0</v>
          </cell>
          <cell r="AB420">
            <v>0</v>
          </cell>
        </row>
        <row r="421">
          <cell r="A421" t="str">
            <v>FUO_compass_FL</v>
          </cell>
          <cell r="V421">
            <v>0</v>
          </cell>
          <cell r="W421">
            <v>0</v>
          </cell>
          <cell r="X421">
            <v>0</v>
          </cell>
          <cell r="Y421">
            <v>0</v>
          </cell>
          <cell r="Z421">
            <v>0</v>
          </cell>
          <cell r="AA421">
            <v>0</v>
          </cell>
          <cell r="AB421">
            <v>0</v>
          </cell>
        </row>
        <row r="422">
          <cell r="A422" t="str">
            <v>XXX_compass_FL</v>
          </cell>
          <cell r="V422">
            <v>0</v>
          </cell>
          <cell r="W422">
            <v>0</v>
          </cell>
          <cell r="X422">
            <v>0</v>
          </cell>
          <cell r="Y422">
            <v>0</v>
          </cell>
          <cell r="Z422">
            <v>0</v>
          </cell>
          <cell r="AA422">
            <v>0</v>
          </cell>
          <cell r="AB422">
            <v>0</v>
          </cell>
        </row>
        <row r="423">
          <cell r="A423" t="str">
            <v>TOT_compass_FL</v>
          </cell>
          <cell r="V423">
            <v>749.17466468999987</v>
          </cell>
          <cell r="W423">
            <v>233.63029564000004</v>
          </cell>
          <cell r="X423">
            <v>522.83006674000001</v>
          </cell>
          <cell r="Y423">
            <v>824.09213115900002</v>
          </cell>
          <cell r="Z423">
            <v>914.74226558649002</v>
          </cell>
          <cell r="AA423">
            <v>1024.5113374568693</v>
          </cell>
          <cell r="AB423">
            <v>1157.6978113262617</v>
          </cell>
        </row>
        <row r="425">
          <cell r="A425" t="str">
            <v>Val_hedge_FL</v>
          </cell>
          <cell r="V425">
            <v>2.2631377399999999</v>
          </cell>
          <cell r="W425">
            <v>0.20682989000000002</v>
          </cell>
          <cell r="X425">
            <v>0.30682989000000005</v>
          </cell>
          <cell r="Y425">
            <v>0</v>
          </cell>
          <cell r="Z425">
            <v>0</v>
          </cell>
          <cell r="AA425">
            <v>0</v>
          </cell>
          <cell r="AB425">
            <v>0</v>
          </cell>
        </row>
        <row r="426">
          <cell r="A426" t="str">
            <v>Pre_hedge_FL</v>
          </cell>
          <cell r="V426">
            <v>0.46168050999999999</v>
          </cell>
          <cell r="W426">
            <v>0</v>
          </cell>
          <cell r="X426">
            <v>0</v>
          </cell>
          <cell r="Y426">
            <v>0</v>
          </cell>
          <cell r="Z426">
            <v>0</v>
          </cell>
          <cell r="AA426">
            <v>0</v>
          </cell>
          <cell r="AB426">
            <v>0</v>
          </cell>
        </row>
        <row r="427">
          <cell r="A427" t="str">
            <v>Sma_hedge_FL</v>
          </cell>
          <cell r="V427">
            <v>222.65607245999999</v>
          </cell>
          <cell r="W427">
            <v>97.060476460000004</v>
          </cell>
          <cell r="X427">
            <v>186.86057363999998</v>
          </cell>
          <cell r="Y427">
            <v>0</v>
          </cell>
          <cell r="Z427">
            <v>0</v>
          </cell>
          <cell r="AA427">
            <v>0</v>
          </cell>
          <cell r="AB427">
            <v>0</v>
          </cell>
        </row>
        <row r="428">
          <cell r="A428" t="str">
            <v>Pri_hedge_FL</v>
          </cell>
          <cell r="V428">
            <v>1.68288467</v>
          </cell>
          <cell r="W428">
            <v>0</v>
          </cell>
          <cell r="X428">
            <v>0</v>
          </cell>
          <cell r="Y428">
            <v>0</v>
          </cell>
          <cell r="Z428">
            <v>0</v>
          </cell>
          <cell r="AA428">
            <v>0</v>
          </cell>
          <cell r="AB428">
            <v>0</v>
          </cell>
        </row>
        <row r="429">
          <cell r="A429" t="str">
            <v>Fam_hedge_FL</v>
          </cell>
          <cell r="V429">
            <v>1.1932666399999998</v>
          </cell>
          <cell r="W429">
            <v>0.27538094000000002</v>
          </cell>
          <cell r="X429">
            <v>0.27538094000000002</v>
          </cell>
          <cell r="Y429">
            <v>0</v>
          </cell>
          <cell r="Z429">
            <v>0</v>
          </cell>
          <cell r="AA429">
            <v>0</v>
          </cell>
          <cell r="AB429">
            <v>0</v>
          </cell>
        </row>
        <row r="430">
          <cell r="A430" t="str">
            <v>PMI_hedge_FL</v>
          </cell>
          <cell r="V430">
            <v>3753.7091054899997</v>
          </cell>
          <cell r="W430">
            <v>711.67487247000008</v>
          </cell>
          <cell r="X430">
            <v>1437.0350736300002</v>
          </cell>
          <cell r="Y430">
            <v>0</v>
          </cell>
          <cell r="Z430">
            <v>0</v>
          </cell>
          <cell r="AA430">
            <v>0</v>
          </cell>
          <cell r="AB430">
            <v>0</v>
          </cell>
        </row>
        <row r="431">
          <cell r="A431" t="str">
            <v>ENT_hedge_FL</v>
          </cell>
          <cell r="V431">
            <v>39.864304650000001</v>
          </cell>
          <cell r="W431">
            <v>0.91013092000000007</v>
          </cell>
          <cell r="X431">
            <v>3.6208793699999999</v>
          </cell>
          <cell r="Y431">
            <v>0</v>
          </cell>
          <cell r="Z431">
            <v>0</v>
          </cell>
          <cell r="AA431">
            <v>0</v>
          </cell>
          <cell r="AB431">
            <v>0</v>
          </cell>
        </row>
        <row r="432">
          <cell r="A432" t="str">
            <v>Cor_hedge_FL</v>
          </cell>
          <cell r="V432">
            <v>1774.12048691</v>
          </cell>
          <cell r="W432">
            <v>924.12891961999992</v>
          </cell>
          <cell r="X432">
            <v>1641.3556668100002</v>
          </cell>
          <cell r="Y432">
            <v>0</v>
          </cell>
          <cell r="Z432">
            <v>0</v>
          </cell>
          <cell r="AA432">
            <v>0</v>
          </cell>
          <cell r="AB432">
            <v>0</v>
          </cell>
        </row>
        <row r="433">
          <cell r="A433" t="str">
            <v>Gra_hedge_FL</v>
          </cell>
          <cell r="V433">
            <v>331.37429524999999</v>
          </cell>
          <cell r="W433">
            <v>27.659099050000002</v>
          </cell>
          <cell r="X433">
            <v>81.533386199999995</v>
          </cell>
          <cell r="Y433">
            <v>0</v>
          </cell>
          <cell r="Z433">
            <v>0</v>
          </cell>
          <cell r="AA433">
            <v>0</v>
          </cell>
          <cell r="AB433">
            <v>0</v>
          </cell>
        </row>
        <row r="434">
          <cell r="A434" t="str">
            <v>FEX_hedge_FL</v>
          </cell>
          <cell r="V434">
            <v>0</v>
          </cell>
          <cell r="W434">
            <v>0</v>
          </cell>
          <cell r="X434">
            <v>0</v>
          </cell>
          <cell r="Y434">
            <v>0</v>
          </cell>
          <cell r="Z434">
            <v>0</v>
          </cell>
          <cell r="AA434">
            <v>0</v>
          </cell>
          <cell r="AB434">
            <v>0</v>
          </cell>
        </row>
        <row r="435">
          <cell r="A435" t="str">
            <v>MCL_hedge_FL</v>
          </cell>
          <cell r="V435">
            <v>0</v>
          </cell>
          <cell r="W435">
            <v>0</v>
          </cell>
          <cell r="X435">
            <v>0</v>
          </cell>
          <cell r="Y435">
            <v>0</v>
          </cell>
          <cell r="Z435">
            <v>0</v>
          </cell>
          <cell r="AA435">
            <v>0</v>
          </cell>
          <cell r="AB435">
            <v>0</v>
          </cell>
        </row>
        <row r="436">
          <cell r="A436" t="str">
            <v>MCG_hedge_FL</v>
          </cell>
          <cell r="V436">
            <v>0</v>
          </cell>
          <cell r="W436">
            <v>0</v>
          </cell>
          <cell r="X436">
            <v>0</v>
          </cell>
          <cell r="Y436">
            <v>0</v>
          </cell>
          <cell r="Z436">
            <v>0</v>
          </cell>
          <cell r="AA436">
            <v>0</v>
          </cell>
          <cell r="AB436">
            <v>0</v>
          </cell>
        </row>
        <row r="437">
          <cell r="A437" t="str">
            <v>MLE_hedge_FL</v>
          </cell>
          <cell r="V437">
            <v>0</v>
          </cell>
          <cell r="W437">
            <v>0</v>
          </cell>
          <cell r="X437">
            <v>0</v>
          </cell>
          <cell r="Y437">
            <v>0</v>
          </cell>
          <cell r="Z437">
            <v>0</v>
          </cell>
          <cell r="AA437">
            <v>0</v>
          </cell>
          <cell r="AB437">
            <v>0</v>
          </cell>
        </row>
        <row r="438">
          <cell r="A438" t="str">
            <v>MFA_hedge_FL</v>
          </cell>
          <cell r="V438">
            <v>0</v>
          </cell>
          <cell r="W438">
            <v>0</v>
          </cell>
          <cell r="X438">
            <v>0</v>
          </cell>
          <cell r="Y438">
            <v>0</v>
          </cell>
          <cell r="Z438">
            <v>0</v>
          </cell>
          <cell r="AA438">
            <v>0</v>
          </cell>
          <cell r="AB438">
            <v>0</v>
          </cell>
        </row>
        <row r="439">
          <cell r="A439" t="str">
            <v>MBQ_hedge_FL</v>
          </cell>
          <cell r="V439">
            <v>0</v>
          </cell>
          <cell r="W439">
            <v>0</v>
          </cell>
          <cell r="X439">
            <v>0</v>
          </cell>
          <cell r="Y439">
            <v>0</v>
          </cell>
          <cell r="Z439">
            <v>0</v>
          </cell>
          <cell r="AA439">
            <v>0</v>
          </cell>
          <cell r="AB439">
            <v>0</v>
          </cell>
        </row>
        <row r="440">
          <cell r="A440" t="str">
            <v>MBG_hedge_FL</v>
          </cell>
          <cell r="V440">
            <v>0</v>
          </cell>
          <cell r="W440">
            <v>0</v>
          </cell>
          <cell r="X440">
            <v>0</v>
          </cell>
          <cell r="Y440">
            <v>0</v>
          </cell>
          <cell r="Z440">
            <v>0</v>
          </cell>
          <cell r="AA440">
            <v>0</v>
          </cell>
          <cell r="AB440">
            <v>0</v>
          </cell>
        </row>
        <row r="441">
          <cell r="A441" t="str">
            <v>WID_hedge_FL</v>
          </cell>
          <cell r="V441">
            <v>0</v>
          </cell>
          <cell r="W441">
            <v>0</v>
          </cell>
          <cell r="X441">
            <v>0</v>
          </cell>
          <cell r="Y441">
            <v>0</v>
          </cell>
          <cell r="Z441">
            <v>0</v>
          </cell>
          <cell r="AA441">
            <v>0</v>
          </cell>
          <cell r="AB441">
            <v>0</v>
          </cell>
        </row>
        <row r="442">
          <cell r="A442" t="str">
            <v>FIN_hedge_FL</v>
          </cell>
          <cell r="V442">
            <v>0</v>
          </cell>
          <cell r="W442">
            <v>0</v>
          </cell>
          <cell r="X442">
            <v>0</v>
          </cell>
          <cell r="Y442">
            <v>0</v>
          </cell>
          <cell r="Z442">
            <v>0</v>
          </cell>
          <cell r="AA442">
            <v>0</v>
          </cell>
          <cell r="AB442">
            <v>0</v>
          </cell>
        </row>
        <row r="443">
          <cell r="A443" t="str">
            <v>ALM_hedge_FL</v>
          </cell>
          <cell r="V443">
            <v>0</v>
          </cell>
          <cell r="W443">
            <v>0</v>
          </cell>
          <cell r="X443">
            <v>0</v>
          </cell>
          <cell r="Y443">
            <v>0</v>
          </cell>
          <cell r="Z443">
            <v>0</v>
          </cell>
          <cell r="AA443">
            <v>0</v>
          </cell>
          <cell r="AB443">
            <v>0</v>
          </cell>
        </row>
        <row r="444">
          <cell r="A444" t="str">
            <v>FUO_hedge_FL</v>
          </cell>
          <cell r="V444">
            <v>0</v>
          </cell>
          <cell r="W444">
            <v>0</v>
          </cell>
          <cell r="X444">
            <v>0</v>
          </cell>
          <cell r="Y444">
            <v>0</v>
          </cell>
          <cell r="Z444">
            <v>0</v>
          </cell>
          <cell r="AA444">
            <v>0</v>
          </cell>
          <cell r="AB444">
            <v>0</v>
          </cell>
        </row>
        <row r="445">
          <cell r="A445" t="str">
            <v>XXX_hedge_FL</v>
          </cell>
          <cell r="V445">
            <v>0</v>
          </cell>
          <cell r="W445">
            <v>0</v>
          </cell>
          <cell r="X445">
            <v>0</v>
          </cell>
          <cell r="Y445">
            <v>0</v>
          </cell>
          <cell r="Z445">
            <v>0</v>
          </cell>
          <cell r="AA445">
            <v>0</v>
          </cell>
          <cell r="AB445">
            <v>0</v>
          </cell>
        </row>
        <row r="446">
          <cell r="A446" t="str">
            <v>TOT_hedge_FL</v>
          </cell>
          <cell r="V446">
            <v>6127.3252343199993</v>
          </cell>
          <cell r="W446">
            <v>1761.9157093499998</v>
          </cell>
          <cell r="X446">
            <v>3350.9877904800005</v>
          </cell>
          <cell r="Y446">
            <v>0</v>
          </cell>
          <cell r="Z446">
            <v>0</v>
          </cell>
          <cell r="AA446">
            <v>0</v>
          </cell>
          <cell r="AB446">
            <v>0</v>
          </cell>
        </row>
        <row r="451">
          <cell r="AD451" t="str">
            <v>SCENARIO STOCK PUNT - var yoy</v>
          </cell>
          <cell r="AE451">
            <v>0</v>
          </cell>
          <cell r="AF451">
            <v>0</v>
          </cell>
          <cell r="AG451">
            <v>0</v>
          </cell>
          <cell r="AH451">
            <v>0</v>
          </cell>
          <cell r="AI451">
            <v>0</v>
          </cell>
          <cell r="AJ451">
            <v>0</v>
          </cell>
        </row>
        <row r="452">
          <cell r="AD452">
            <v>2015</v>
          </cell>
          <cell r="AE452" t="str">
            <v>2016 Q1</v>
          </cell>
          <cell r="AF452">
            <v>0</v>
          </cell>
          <cell r="AG452">
            <v>2016</v>
          </cell>
          <cell r="AH452">
            <v>2017</v>
          </cell>
          <cell r="AI452">
            <v>2018</v>
          </cell>
          <cell r="AJ452">
            <v>2019</v>
          </cell>
        </row>
        <row r="453">
          <cell r="AD453">
            <v>0</v>
          </cell>
          <cell r="AE453">
            <v>0</v>
          </cell>
          <cell r="AF453">
            <v>0</v>
          </cell>
          <cell r="AG453" t="e">
            <v>#DIV/0!</v>
          </cell>
          <cell r="AH453" t="e">
            <v>#DIV/0!</v>
          </cell>
          <cell r="AI453" t="e">
            <v>#DIV/0!</v>
          </cell>
          <cell r="AJ453" t="e">
            <v>#DIV/0!</v>
          </cell>
        </row>
        <row r="454">
          <cell r="AD454">
            <v>0</v>
          </cell>
          <cell r="AE454">
            <v>0</v>
          </cell>
          <cell r="AF454">
            <v>0</v>
          </cell>
          <cell r="AG454">
            <v>2.0000000000000018E-2</v>
          </cell>
          <cell r="AH454">
            <v>2.0000000000000018E-2</v>
          </cell>
          <cell r="AI454">
            <v>2.0000000000000018E-2</v>
          </cell>
          <cell r="AJ454">
            <v>2.0000000000000018E-2</v>
          </cell>
        </row>
        <row r="455">
          <cell r="AD455">
            <v>0</v>
          </cell>
          <cell r="AE455">
            <v>0</v>
          </cell>
          <cell r="AF455">
            <v>0</v>
          </cell>
          <cell r="AG455">
            <v>2.0000000000000018E-2</v>
          </cell>
          <cell r="AH455">
            <v>2.0000000000000018E-2</v>
          </cell>
          <cell r="AI455">
            <v>2.0000000000000018E-2</v>
          </cell>
          <cell r="AJ455">
            <v>2.0000000000000018E-2</v>
          </cell>
        </row>
        <row r="456">
          <cell r="AD456">
            <v>0</v>
          </cell>
          <cell r="AE456">
            <v>0</v>
          </cell>
          <cell r="AF456">
            <v>0</v>
          </cell>
          <cell r="AG456">
            <v>2.0000000000000018E-2</v>
          </cell>
          <cell r="AH456">
            <v>2.0000000000000018E-2</v>
          </cell>
          <cell r="AI456">
            <v>2.0000000000000018E-2</v>
          </cell>
          <cell r="AJ456">
            <v>2.0000000000000018E-2</v>
          </cell>
        </row>
        <row r="457">
          <cell r="AD457">
            <v>0</v>
          </cell>
          <cell r="AE457">
            <v>0</v>
          </cell>
          <cell r="AF457">
            <v>0</v>
          </cell>
          <cell r="AG457">
            <v>2.0000000000000018E-2</v>
          </cell>
          <cell r="AH457">
            <v>2.0000000000000018E-2</v>
          </cell>
          <cell r="AI457">
            <v>2.0000000000000018E-2</v>
          </cell>
          <cell r="AJ457">
            <v>2.0000000000000018E-2</v>
          </cell>
        </row>
        <row r="458">
          <cell r="AD458">
            <v>0</v>
          </cell>
          <cell r="AE458">
            <v>0</v>
          </cell>
          <cell r="AF458">
            <v>0</v>
          </cell>
          <cell r="AG458">
            <v>2.0000000000000018E-2</v>
          </cell>
          <cell r="AH458">
            <v>2.0000000000000018E-2</v>
          </cell>
          <cell r="AI458">
            <v>2.0000000000000018E-2</v>
          </cell>
          <cell r="AJ458">
            <v>2.0000000000000018E-2</v>
          </cell>
        </row>
        <row r="459">
          <cell r="AD459">
            <v>0</v>
          </cell>
          <cell r="AE459">
            <v>0</v>
          </cell>
          <cell r="AF459">
            <v>0</v>
          </cell>
          <cell r="AG459">
            <v>2.0000000000000018E-2</v>
          </cell>
          <cell r="AH459">
            <v>2.0000000000000018E-2</v>
          </cell>
          <cell r="AI459">
            <v>2.0000000000000018E-2</v>
          </cell>
          <cell r="AJ459">
            <v>2.0000000000000018E-2</v>
          </cell>
        </row>
        <row r="460">
          <cell r="AD460">
            <v>0</v>
          </cell>
          <cell r="AE460">
            <v>0</v>
          </cell>
          <cell r="AF460">
            <v>0</v>
          </cell>
          <cell r="AG460">
            <v>2.0000000000000018E-2</v>
          </cell>
          <cell r="AH460">
            <v>2.0000000000000018E-2</v>
          </cell>
          <cell r="AI460">
            <v>2.0000000000000018E-2</v>
          </cell>
          <cell r="AJ460">
            <v>2.0000000000000018E-2</v>
          </cell>
        </row>
        <row r="461">
          <cell r="AD461">
            <v>0</v>
          </cell>
          <cell r="AE461">
            <v>0</v>
          </cell>
          <cell r="AF461">
            <v>0</v>
          </cell>
          <cell r="AG461">
            <v>2.0000000000000018E-2</v>
          </cell>
          <cell r="AH461">
            <v>2.0000000000000018E-2</v>
          </cell>
          <cell r="AI461">
            <v>2.0000000000000018E-2</v>
          </cell>
          <cell r="AJ461">
            <v>2.0000000000000018E-2</v>
          </cell>
        </row>
        <row r="462">
          <cell r="AD462">
            <v>0</v>
          </cell>
          <cell r="AE462">
            <v>0</v>
          </cell>
          <cell r="AF462">
            <v>0</v>
          </cell>
          <cell r="AG462">
            <v>2.0000000000000018E-2</v>
          </cell>
          <cell r="AH462">
            <v>2.0000000000000018E-2</v>
          </cell>
          <cell r="AI462">
            <v>2.0000000000000018E-2</v>
          </cell>
          <cell r="AJ462">
            <v>2.0000000000000018E-2</v>
          </cell>
        </row>
        <row r="465">
          <cell r="AS465" t="str">
            <v>STOCK PUNT - PROIEZIONE EFFETTIVA - var assoluta YoY</v>
          </cell>
          <cell r="AT465">
            <v>0</v>
          </cell>
          <cell r="AU465">
            <v>0</v>
          </cell>
          <cell r="AV465">
            <v>0</v>
          </cell>
          <cell r="AW465">
            <v>0</v>
          </cell>
          <cell r="AX465">
            <v>0</v>
          </cell>
          <cell r="AY465">
            <v>0</v>
          </cell>
        </row>
        <row r="466">
          <cell r="AS466">
            <v>42369</v>
          </cell>
          <cell r="AT466">
            <v>42460</v>
          </cell>
          <cell r="AU466">
            <v>0</v>
          </cell>
          <cell r="AV466">
            <v>42735</v>
          </cell>
          <cell r="AW466">
            <v>43100</v>
          </cell>
          <cell r="AX466">
            <v>43465</v>
          </cell>
          <cell r="AY466">
            <v>43830</v>
          </cell>
        </row>
        <row r="467">
          <cell r="A467" t="str">
            <v>cod</v>
          </cell>
          <cell r="AS467">
            <v>2015</v>
          </cell>
          <cell r="AT467" t="str">
            <v>2016 Q1</v>
          </cell>
          <cell r="AU467">
            <v>0</v>
          </cell>
          <cell r="AV467">
            <v>2016</v>
          </cell>
          <cell r="AW467">
            <v>2017</v>
          </cell>
          <cell r="AX467">
            <v>2018</v>
          </cell>
          <cell r="AY467">
            <v>2019</v>
          </cell>
        </row>
        <row r="468">
          <cell r="A468" t="str">
            <v>Val_tradizionali_VP</v>
          </cell>
          <cell r="AS468">
            <v>0</v>
          </cell>
          <cell r="AT468">
            <v>0</v>
          </cell>
          <cell r="AU468">
            <v>0</v>
          </cell>
          <cell r="AV468">
            <v>30.631991941799924</v>
          </cell>
          <cell r="AW468">
            <v>7.2282361199995648E-2</v>
          </cell>
          <cell r="AX468">
            <v>31.172349419435932</v>
          </cell>
          <cell r="AY468">
            <v>7.3728008424041036E-2</v>
          </cell>
        </row>
        <row r="469">
          <cell r="A469" t="str">
            <v>Pre_tradizionali_VP</v>
          </cell>
          <cell r="AS469">
            <v>0</v>
          </cell>
          <cell r="AT469">
            <v>0</v>
          </cell>
          <cell r="AU469">
            <v>0</v>
          </cell>
          <cell r="AV469">
            <v>76.485844263000217</v>
          </cell>
          <cell r="AW469">
            <v>192.52459175519925</v>
          </cell>
          <cell r="AX469">
            <v>-114.50903060693918</v>
          </cell>
          <cell r="AY469">
            <v>196.37508359030289</v>
          </cell>
        </row>
        <row r="470">
          <cell r="A470" t="str">
            <v>Sma_tradizionali_VP</v>
          </cell>
          <cell r="AS470">
            <v>0</v>
          </cell>
          <cell r="AT470">
            <v>0</v>
          </cell>
          <cell r="AU470">
            <v>0</v>
          </cell>
          <cell r="AV470">
            <v>6.5988011406000169</v>
          </cell>
          <cell r="AW470">
            <v>5.7556949537999458</v>
          </cell>
          <cell r="AX470">
            <v>0.97508220961208281</v>
          </cell>
          <cell r="AY470">
            <v>5.870808852875939</v>
          </cell>
        </row>
        <row r="471">
          <cell r="A471" t="str">
            <v>Pri_tradizionali_VP</v>
          </cell>
          <cell r="AS471">
            <v>0</v>
          </cell>
          <cell r="AT471">
            <v>0</v>
          </cell>
          <cell r="AU471">
            <v>0</v>
          </cell>
          <cell r="AV471">
            <v>32.66308974120011</v>
          </cell>
          <cell r="AW471">
            <v>70.502570523599843</v>
          </cell>
          <cell r="AX471">
            <v>-37.186218987575785</v>
          </cell>
          <cell r="AY471">
            <v>71.912621934071922</v>
          </cell>
        </row>
        <row r="472">
          <cell r="A472" t="str">
            <v>Fam_tradizionali_VP</v>
          </cell>
          <cell r="AS472">
            <v>0</v>
          </cell>
          <cell r="AT472">
            <v>0</v>
          </cell>
          <cell r="AU472">
            <v>0</v>
          </cell>
          <cell r="AV472">
            <v>6.4362433133999843</v>
          </cell>
          <cell r="AW472">
            <v>19.632239523000067</v>
          </cell>
          <cell r="AX472">
            <v>-13.067271343332038</v>
          </cell>
          <cell r="AY472">
            <v>20.024884313460063</v>
          </cell>
        </row>
        <row r="473">
          <cell r="A473" t="str">
            <v>PMI_tradizionali_VP</v>
          </cell>
          <cell r="AS473">
            <v>0</v>
          </cell>
          <cell r="AT473">
            <v>0</v>
          </cell>
          <cell r="AU473">
            <v>0</v>
          </cell>
          <cell r="AV473">
            <v>5.0501800609999918</v>
          </cell>
          <cell r="AW473">
            <v>-6.4507287065999606</v>
          </cell>
          <cell r="AX473">
            <v>11.601912368819939</v>
          </cell>
          <cell r="AY473">
            <v>-6.5797432807319183</v>
          </cell>
        </row>
        <row r="474">
          <cell r="A474" t="str">
            <v>ENT_tradizionali_VP</v>
          </cell>
          <cell r="AS474">
            <v>0</v>
          </cell>
          <cell r="AT474">
            <v>0</v>
          </cell>
          <cell r="AU474">
            <v>0</v>
          </cell>
          <cell r="AV474">
            <v>5.1821959349999815</v>
          </cell>
          <cell r="AW474">
            <v>4.4772845838000421</v>
          </cell>
          <cell r="AX474">
            <v>0.80855526989995496</v>
          </cell>
          <cell r="AY474">
            <v>4.5668302754760361</v>
          </cell>
        </row>
        <row r="475">
          <cell r="A475" t="str">
            <v>Cor_tradizionali_VP</v>
          </cell>
          <cell r="AS475">
            <v>0</v>
          </cell>
          <cell r="AT475">
            <v>0</v>
          </cell>
          <cell r="AU475">
            <v>0</v>
          </cell>
          <cell r="AV475">
            <v>0</v>
          </cell>
          <cell r="AW475">
            <v>15.6202741452</v>
          </cell>
          <cell r="AX475">
            <v>-15.6202741452</v>
          </cell>
          <cell r="AY475">
            <v>15.932679628103999</v>
          </cell>
        </row>
        <row r="476">
          <cell r="A476" t="str">
            <v>Gra_tradizionali_VP</v>
          </cell>
          <cell r="AS476">
            <v>0</v>
          </cell>
          <cell r="AT476">
            <v>0</v>
          </cell>
          <cell r="AU476">
            <v>0</v>
          </cell>
          <cell r="AV476">
            <v>1.0975337576000044</v>
          </cell>
          <cell r="AW476">
            <v>0.32095397519999125</v>
          </cell>
          <cell r="AX476">
            <v>0.7985304575520118</v>
          </cell>
          <cell r="AY476">
            <v>0.32737305470399036</v>
          </cell>
        </row>
        <row r="477">
          <cell r="A477" t="str">
            <v>FEX_tradizionali_VP</v>
          </cell>
          <cell r="AS477">
            <v>0</v>
          </cell>
          <cell r="AT477">
            <v>0</v>
          </cell>
          <cell r="AU477">
            <v>0</v>
          </cell>
          <cell r="AV477">
            <v>0</v>
          </cell>
          <cell r="AW477">
            <v>0</v>
          </cell>
          <cell r="AX477">
            <v>0</v>
          </cell>
          <cell r="AY477">
            <v>0</v>
          </cell>
        </row>
        <row r="478">
          <cell r="A478" t="str">
            <v>MCL_tradizionali_VP</v>
          </cell>
          <cell r="AS478">
            <v>0</v>
          </cell>
          <cell r="AT478">
            <v>0</v>
          </cell>
          <cell r="AU478">
            <v>0</v>
          </cell>
          <cell r="AV478">
            <v>0</v>
          </cell>
          <cell r="AW478">
            <v>0</v>
          </cell>
          <cell r="AX478">
            <v>0</v>
          </cell>
          <cell r="AY478">
            <v>0</v>
          </cell>
        </row>
        <row r="479">
          <cell r="A479" t="str">
            <v>MCG_tradizionali_VP</v>
          </cell>
          <cell r="AS479">
            <v>0</v>
          </cell>
          <cell r="AT479">
            <v>0</v>
          </cell>
          <cell r="AU479">
            <v>0</v>
          </cell>
          <cell r="AV479">
            <v>0</v>
          </cell>
          <cell r="AW479">
            <v>0</v>
          </cell>
          <cell r="AX479">
            <v>0</v>
          </cell>
          <cell r="AY479">
            <v>0</v>
          </cell>
        </row>
        <row r="480">
          <cell r="A480" t="str">
            <v>MLE_tradizionali_VP</v>
          </cell>
          <cell r="AS480">
            <v>0</v>
          </cell>
          <cell r="AT480">
            <v>0</v>
          </cell>
          <cell r="AU480">
            <v>0</v>
          </cell>
          <cell r="AV480">
            <v>0</v>
          </cell>
          <cell r="AW480">
            <v>0</v>
          </cell>
          <cell r="AX480">
            <v>0</v>
          </cell>
          <cell r="AY480">
            <v>0</v>
          </cell>
        </row>
        <row r="481">
          <cell r="A481" t="str">
            <v>MFA_tradizionali_VP</v>
          </cell>
          <cell r="AS481">
            <v>0</v>
          </cell>
          <cell r="AT481">
            <v>0</v>
          </cell>
          <cell r="AU481">
            <v>0</v>
          </cell>
          <cell r="AV481">
            <v>0</v>
          </cell>
          <cell r="AW481">
            <v>0</v>
          </cell>
          <cell r="AX481">
            <v>0</v>
          </cell>
          <cell r="AY481">
            <v>0</v>
          </cell>
        </row>
        <row r="482">
          <cell r="A482" t="str">
            <v>MBQ_tradizionali_VP</v>
          </cell>
          <cell r="AS482">
            <v>0</v>
          </cell>
          <cell r="AT482">
            <v>0</v>
          </cell>
          <cell r="AU482">
            <v>0</v>
          </cell>
          <cell r="AV482">
            <v>5.1591799999999921</v>
          </cell>
          <cell r="AW482">
            <v>1.9696200000000204</v>
          </cell>
          <cell r="AX482">
            <v>3.2927435999999943</v>
          </cell>
          <cell r="AY482">
            <v>2.0090124000000174</v>
          </cell>
        </row>
        <row r="483">
          <cell r="A483" t="str">
            <v>MBG_tradizionali_VP</v>
          </cell>
          <cell r="AS483">
            <v>0</v>
          </cell>
          <cell r="AT483">
            <v>0</v>
          </cell>
          <cell r="AU483">
            <v>0</v>
          </cell>
          <cell r="AV483">
            <v>0.66394000000000375</v>
          </cell>
          <cell r="AW483">
            <v>0.40188000000000557</v>
          </cell>
          <cell r="AX483">
            <v>0.275338799999993</v>
          </cell>
          <cell r="AY483">
            <v>0.4099176000000071</v>
          </cell>
        </row>
        <row r="484">
          <cell r="A484" t="str">
            <v>WID_tradizionali_VP</v>
          </cell>
          <cell r="AS484">
            <v>0</v>
          </cell>
          <cell r="AT484">
            <v>0</v>
          </cell>
          <cell r="AU484">
            <v>0</v>
          </cell>
          <cell r="AV484">
            <v>1.9571777637618766</v>
          </cell>
          <cell r="AW484">
            <v>150.60921435805307</v>
          </cell>
          <cell r="AX484">
            <v>-148.61289303901594</v>
          </cell>
          <cell r="AY484">
            <v>153.62139864521413</v>
          </cell>
        </row>
        <row r="485">
          <cell r="A485" t="str">
            <v>FIN_tradizionali_VP</v>
          </cell>
          <cell r="AS485">
            <v>0</v>
          </cell>
          <cell r="AT485">
            <v>0</v>
          </cell>
          <cell r="AU485">
            <v>0</v>
          </cell>
          <cell r="AV485">
            <v>0</v>
          </cell>
          <cell r="AW485">
            <v>0</v>
          </cell>
          <cell r="AX485">
            <v>0</v>
          </cell>
          <cell r="AY485">
            <v>0</v>
          </cell>
        </row>
        <row r="486">
          <cell r="A486" t="str">
            <v>ALM_tradizionali_VP</v>
          </cell>
          <cell r="AS486">
            <v>0</v>
          </cell>
          <cell r="AT486">
            <v>0</v>
          </cell>
          <cell r="AU486">
            <v>0</v>
          </cell>
          <cell r="AV486">
            <v>0</v>
          </cell>
          <cell r="AW486">
            <v>0</v>
          </cell>
          <cell r="AX486">
            <v>0</v>
          </cell>
          <cell r="AY486">
            <v>0</v>
          </cell>
        </row>
        <row r="487">
          <cell r="A487" t="str">
            <v>FUO_tradizionali_VP</v>
          </cell>
          <cell r="AS487">
            <v>0</v>
          </cell>
          <cell r="AT487">
            <v>0</v>
          </cell>
          <cell r="AU487">
            <v>0</v>
          </cell>
          <cell r="AV487">
            <v>0</v>
          </cell>
          <cell r="AW487">
            <v>0</v>
          </cell>
          <cell r="AX487">
            <v>0</v>
          </cell>
          <cell r="AY487">
            <v>0</v>
          </cell>
        </row>
        <row r="488">
          <cell r="A488" t="str">
            <v>XXX_tradizionali_VP</v>
          </cell>
          <cell r="AS488">
            <v>0</v>
          </cell>
          <cell r="AT488">
            <v>0</v>
          </cell>
          <cell r="AU488">
            <v>0</v>
          </cell>
          <cell r="AV488">
            <v>325.42185475378574</v>
          </cell>
          <cell r="AW488">
            <v>-1479.847847185375</v>
          </cell>
          <cell r="AX488">
            <v>-785.65434313867445</v>
          </cell>
          <cell r="AY488">
            <v>-1389.5170588303554</v>
          </cell>
        </row>
        <row r="489">
          <cell r="A489" t="str">
            <v>TOT_tradizionali_VP</v>
          </cell>
          <cell r="AS489">
            <v>0</v>
          </cell>
          <cell r="AT489">
            <v>0</v>
          </cell>
          <cell r="AU489">
            <v>0</v>
          </cell>
          <cell r="AV489">
            <v>497.34803267114694</v>
          </cell>
          <cell r="AW489">
            <v>-1024.4119697129236</v>
          </cell>
          <cell r="AX489">
            <v>-1065.7255191354143</v>
          </cell>
          <cell r="AY489">
            <v>-924.97246380845718</v>
          </cell>
        </row>
        <row r="490">
          <cell r="A490" t="str">
            <v>Val_index_VP</v>
          </cell>
          <cell r="AS490">
            <v>0</v>
          </cell>
          <cell r="AT490">
            <v>0</v>
          </cell>
          <cell r="AU490">
            <v>0</v>
          </cell>
          <cell r="AV490">
            <v>15.353136921400051</v>
          </cell>
          <cell r="AW490">
            <v>-68.068408843200018</v>
          </cell>
          <cell r="AX490">
            <v>83.728608503027999</v>
          </cell>
          <cell r="AY490">
            <v>-69.429777020063966</v>
          </cell>
        </row>
        <row r="491">
          <cell r="A491" t="str">
            <v>Pre_index_VP</v>
          </cell>
          <cell r="AS491">
            <v>0</v>
          </cell>
          <cell r="AT491">
            <v>0</v>
          </cell>
          <cell r="AU491">
            <v>0</v>
          </cell>
          <cell r="AV491">
            <v>72.252182127399919</v>
          </cell>
          <cell r="AW491">
            <v>-325.82580634079977</v>
          </cell>
          <cell r="AX491">
            <v>399.52303211074786</v>
          </cell>
          <cell r="AY491">
            <v>-332.34232246761576</v>
          </cell>
        </row>
        <row r="492">
          <cell r="A492" t="str">
            <v>Sma_index_VP</v>
          </cell>
          <cell r="AS492">
            <v>0</v>
          </cell>
          <cell r="AT492">
            <v>0</v>
          </cell>
          <cell r="AU492">
            <v>0</v>
          </cell>
          <cell r="AV492">
            <v>1.4578948724000043</v>
          </cell>
          <cell r="AW492">
            <v>-9.1704623880000042</v>
          </cell>
          <cell r="AX492">
            <v>10.65751515784801</v>
          </cell>
          <cell r="AY492">
            <v>-9.3538716357600151</v>
          </cell>
        </row>
        <row r="493">
          <cell r="A493" t="str">
            <v>Pri_index_VP</v>
          </cell>
          <cell r="AS493">
            <v>0</v>
          </cell>
          <cell r="AT493">
            <v>0</v>
          </cell>
          <cell r="AU493">
            <v>0</v>
          </cell>
          <cell r="AV493">
            <v>4.1961189543999922</v>
          </cell>
          <cell r="AW493">
            <v>-17.848829580600011</v>
          </cell>
          <cell r="AX493">
            <v>22.128870914088026</v>
          </cell>
          <cell r="AY493">
            <v>-18.205806172212021</v>
          </cell>
        </row>
        <row r="494">
          <cell r="A494" t="str">
            <v>Fam_index_VP</v>
          </cell>
          <cell r="AS494">
            <v>0</v>
          </cell>
          <cell r="AT494">
            <v>0</v>
          </cell>
          <cell r="AU494">
            <v>0</v>
          </cell>
          <cell r="AV494">
            <v>9.6442345399999851E-2</v>
          </cell>
          <cell r="AW494">
            <v>-1.8653525399999538E-2</v>
          </cell>
          <cell r="AX494">
            <v>0.11702471770799949</v>
          </cell>
          <cell r="AY494">
            <v>-1.9026595907999599E-2</v>
          </cell>
        </row>
        <row r="495">
          <cell r="A495" t="str">
            <v>PMI_index_VP</v>
          </cell>
          <cell r="AS495">
            <v>0</v>
          </cell>
          <cell r="AT495">
            <v>0</v>
          </cell>
          <cell r="AU495">
            <v>0</v>
          </cell>
          <cell r="AV495">
            <v>8.1665848600000146E-2</v>
          </cell>
          <cell r="AW495">
            <v>-0.23303036280000056</v>
          </cell>
          <cell r="AX495">
            <v>0.31632952837200046</v>
          </cell>
          <cell r="AY495">
            <v>-0.23769097005600059</v>
          </cell>
        </row>
        <row r="496">
          <cell r="A496" t="str">
            <v>ENT_index_VP</v>
          </cell>
          <cell r="AS496">
            <v>0</v>
          </cell>
          <cell r="AT496">
            <v>0</v>
          </cell>
          <cell r="AU496">
            <v>0</v>
          </cell>
          <cell r="AV496">
            <v>1.3569910000000018E-3</v>
          </cell>
          <cell r="AW496">
            <v>-7.7748173999999948E-3</v>
          </cell>
          <cell r="AX496">
            <v>9.1589482199999905E-3</v>
          </cell>
          <cell r="AY496">
            <v>-7.9303137479999897E-3</v>
          </cell>
        </row>
        <row r="497">
          <cell r="A497" t="str">
            <v>Cor_index_VP</v>
          </cell>
          <cell r="AS497">
            <v>0</v>
          </cell>
          <cell r="AT497">
            <v>0</v>
          </cell>
          <cell r="AU497">
            <v>0</v>
          </cell>
          <cell r="AV497">
            <v>0</v>
          </cell>
          <cell r="AW497">
            <v>0</v>
          </cell>
          <cell r="AX497">
            <v>0</v>
          </cell>
          <cell r="AY497">
            <v>0</v>
          </cell>
        </row>
        <row r="498">
          <cell r="A498" t="str">
            <v>Gra_index_VP</v>
          </cell>
          <cell r="AS498">
            <v>0</v>
          </cell>
          <cell r="AT498">
            <v>0</v>
          </cell>
          <cell r="AU498">
            <v>0</v>
          </cell>
          <cell r="AV498">
            <v>0</v>
          </cell>
          <cell r="AW498">
            <v>0</v>
          </cell>
          <cell r="AX498">
            <v>0</v>
          </cell>
          <cell r="AY498">
            <v>0</v>
          </cell>
        </row>
        <row r="499">
          <cell r="A499" t="str">
            <v>FEX_index_VP</v>
          </cell>
          <cell r="AS499">
            <v>0</v>
          </cell>
          <cell r="AT499">
            <v>0</v>
          </cell>
          <cell r="AU499">
            <v>0</v>
          </cell>
          <cell r="AV499">
            <v>0</v>
          </cell>
          <cell r="AW499">
            <v>0</v>
          </cell>
          <cell r="AX499">
            <v>0</v>
          </cell>
          <cell r="AY499">
            <v>0</v>
          </cell>
        </row>
        <row r="500">
          <cell r="A500" t="str">
            <v>MCL_index_VP</v>
          </cell>
          <cell r="AS500">
            <v>0</v>
          </cell>
          <cell r="AT500">
            <v>0</v>
          </cell>
          <cell r="AU500">
            <v>0</v>
          </cell>
          <cell r="AV500">
            <v>0</v>
          </cell>
          <cell r="AW500">
            <v>0</v>
          </cell>
          <cell r="AX500">
            <v>0</v>
          </cell>
          <cell r="AY500">
            <v>0</v>
          </cell>
        </row>
        <row r="501">
          <cell r="A501" t="str">
            <v>MCG_index_VP</v>
          </cell>
          <cell r="AS501">
            <v>0</v>
          </cell>
          <cell r="AT501">
            <v>0</v>
          </cell>
          <cell r="AU501">
            <v>0</v>
          </cell>
          <cell r="AV501">
            <v>0</v>
          </cell>
          <cell r="AW501">
            <v>0</v>
          </cell>
          <cell r="AX501">
            <v>0</v>
          </cell>
          <cell r="AY501">
            <v>0</v>
          </cell>
        </row>
        <row r="502">
          <cell r="A502" t="str">
            <v>MLE_index_VP</v>
          </cell>
          <cell r="AS502">
            <v>0</v>
          </cell>
          <cell r="AT502">
            <v>0</v>
          </cell>
          <cell r="AU502">
            <v>0</v>
          </cell>
          <cell r="AV502">
            <v>0</v>
          </cell>
          <cell r="AW502">
            <v>0</v>
          </cell>
          <cell r="AX502">
            <v>0</v>
          </cell>
          <cell r="AY502">
            <v>0</v>
          </cell>
        </row>
        <row r="503">
          <cell r="A503" t="str">
            <v>MFA_index_VP</v>
          </cell>
          <cell r="AS503">
            <v>0</v>
          </cell>
          <cell r="AT503">
            <v>0</v>
          </cell>
          <cell r="AU503">
            <v>0</v>
          </cell>
          <cell r="AV503">
            <v>0</v>
          </cell>
          <cell r="AW503">
            <v>0</v>
          </cell>
          <cell r="AX503">
            <v>0</v>
          </cell>
          <cell r="AY503">
            <v>0</v>
          </cell>
        </row>
        <row r="504">
          <cell r="A504" t="str">
            <v>MBQ_index_VP</v>
          </cell>
          <cell r="AS504">
            <v>0</v>
          </cell>
          <cell r="AT504">
            <v>0</v>
          </cell>
          <cell r="AU504">
            <v>0</v>
          </cell>
          <cell r="AV504">
            <v>0</v>
          </cell>
          <cell r="AW504">
            <v>0</v>
          </cell>
          <cell r="AX504">
            <v>0</v>
          </cell>
          <cell r="AY504">
            <v>0</v>
          </cell>
        </row>
        <row r="505">
          <cell r="A505" t="str">
            <v>MBG_index_VP</v>
          </cell>
          <cell r="AS505">
            <v>0</v>
          </cell>
          <cell r="AT505">
            <v>0</v>
          </cell>
          <cell r="AU505">
            <v>0</v>
          </cell>
          <cell r="AV505">
            <v>0</v>
          </cell>
          <cell r="AW505">
            <v>0</v>
          </cell>
          <cell r="AX505">
            <v>0</v>
          </cell>
          <cell r="AY505">
            <v>0</v>
          </cell>
        </row>
        <row r="506">
          <cell r="A506" t="str">
            <v>WID_index_VP</v>
          </cell>
          <cell r="AS506">
            <v>0</v>
          </cell>
          <cell r="AT506">
            <v>0</v>
          </cell>
          <cell r="AU506">
            <v>0</v>
          </cell>
          <cell r="AV506">
            <v>0</v>
          </cell>
          <cell r="AW506">
            <v>0</v>
          </cell>
          <cell r="AX506">
            <v>0</v>
          </cell>
          <cell r="AY506">
            <v>0</v>
          </cell>
        </row>
        <row r="507">
          <cell r="A507" t="str">
            <v>FIN_index_VP</v>
          </cell>
          <cell r="AS507">
            <v>0</v>
          </cell>
          <cell r="AT507">
            <v>0</v>
          </cell>
          <cell r="AU507">
            <v>0</v>
          </cell>
          <cell r="AV507">
            <v>0</v>
          </cell>
          <cell r="AW507">
            <v>0</v>
          </cell>
          <cell r="AX507">
            <v>0</v>
          </cell>
          <cell r="AY507">
            <v>0</v>
          </cell>
        </row>
        <row r="508">
          <cell r="A508" t="str">
            <v>ALM_index_VP</v>
          </cell>
          <cell r="AS508">
            <v>0</v>
          </cell>
          <cell r="AT508">
            <v>0</v>
          </cell>
          <cell r="AU508">
            <v>0</v>
          </cell>
          <cell r="AV508">
            <v>0</v>
          </cell>
          <cell r="AW508">
            <v>0</v>
          </cell>
          <cell r="AX508">
            <v>0</v>
          </cell>
          <cell r="AY508">
            <v>0</v>
          </cell>
        </row>
        <row r="509">
          <cell r="A509" t="str">
            <v>FUO_index_VP</v>
          </cell>
          <cell r="AS509">
            <v>0</v>
          </cell>
          <cell r="AT509">
            <v>0</v>
          </cell>
          <cell r="AU509">
            <v>0</v>
          </cell>
          <cell r="AV509">
            <v>0</v>
          </cell>
          <cell r="AW509">
            <v>0</v>
          </cell>
          <cell r="AX509">
            <v>0</v>
          </cell>
          <cell r="AY509">
            <v>0</v>
          </cell>
        </row>
        <row r="510">
          <cell r="A510" t="str">
            <v>XXX_index_VP</v>
          </cell>
          <cell r="AS510">
            <v>0</v>
          </cell>
          <cell r="AT510">
            <v>0</v>
          </cell>
          <cell r="AU510">
            <v>0</v>
          </cell>
          <cell r="AV510">
            <v>-975.24240804060082</v>
          </cell>
          <cell r="AW510">
            <v>781.36227061699628</v>
          </cell>
          <cell r="AX510">
            <v>-246.12286421168938</v>
          </cell>
          <cell r="AY510">
            <v>717.565555913955</v>
          </cell>
        </row>
        <row r="511">
          <cell r="A511" t="str">
            <v>TOT_index_VP</v>
          </cell>
          <cell r="AS511">
            <v>0</v>
          </cell>
          <cell r="AT511">
            <v>0</v>
          </cell>
          <cell r="AU511">
            <v>0</v>
          </cell>
          <cell r="AV511">
            <v>-881.80360997999924</v>
          </cell>
          <cell r="AW511">
            <v>360.18930475879552</v>
          </cell>
          <cell r="AX511">
            <v>270.35767566832419</v>
          </cell>
          <cell r="AY511">
            <v>287.96913073858923</v>
          </cell>
        </row>
        <row r="512">
          <cell r="A512" t="str">
            <v>Val_multiramo_VP</v>
          </cell>
          <cell r="AS512">
            <v>0</v>
          </cell>
          <cell r="AT512">
            <v>0</v>
          </cell>
          <cell r="AU512">
            <v>0</v>
          </cell>
          <cell r="AV512">
            <v>9.4392751732000306</v>
          </cell>
          <cell r="AW512">
            <v>11.762161354799957</v>
          </cell>
          <cell r="AX512">
            <v>-2.1341006781359511</v>
          </cell>
          <cell r="AY512">
            <v>11.997404581895978</v>
          </cell>
        </row>
        <row r="513">
          <cell r="A513" t="str">
            <v>Pre_multiramo_VP</v>
          </cell>
          <cell r="AS513">
            <v>0</v>
          </cell>
          <cell r="AT513">
            <v>0</v>
          </cell>
          <cell r="AU513">
            <v>0</v>
          </cell>
          <cell r="AV513">
            <v>34.876767728399955</v>
          </cell>
          <cell r="AW513">
            <v>57.212718102000053</v>
          </cell>
          <cell r="AX513">
            <v>-21.638415019031982</v>
          </cell>
          <cell r="AY513">
            <v>58.356972464039927</v>
          </cell>
        </row>
        <row r="514">
          <cell r="A514" t="str">
            <v>Sma_multiramo_VP</v>
          </cell>
          <cell r="AS514">
            <v>0</v>
          </cell>
          <cell r="AT514">
            <v>0</v>
          </cell>
          <cell r="AU514">
            <v>0</v>
          </cell>
          <cell r="AV514">
            <v>0.49896943299999919</v>
          </cell>
          <cell r="AW514">
            <v>-0.79494510899999682</v>
          </cell>
          <cell r="AX514">
            <v>1.3038939306599957</v>
          </cell>
          <cell r="AY514">
            <v>-0.81084401117999505</v>
          </cell>
        </row>
        <row r="515">
          <cell r="A515" t="str">
            <v>Pri_multiramo_VP</v>
          </cell>
          <cell r="AS515">
            <v>0</v>
          </cell>
          <cell r="AT515">
            <v>0</v>
          </cell>
          <cell r="AU515">
            <v>0</v>
          </cell>
          <cell r="AV515">
            <v>22.985878384800117</v>
          </cell>
          <cell r="AW515">
            <v>52.693600156200091</v>
          </cell>
          <cell r="AX515">
            <v>-29.248004203704113</v>
          </cell>
          <cell r="AY515">
            <v>53.747472159324161</v>
          </cell>
        </row>
        <row r="516">
          <cell r="A516" t="str">
            <v>Fam_multiramo_VP</v>
          </cell>
          <cell r="AS516">
            <v>0</v>
          </cell>
          <cell r="AT516">
            <v>0</v>
          </cell>
          <cell r="AU516">
            <v>0</v>
          </cell>
          <cell r="AV516">
            <v>2.7303280945999973</v>
          </cell>
          <cell r="AW516">
            <v>19.544779551600016</v>
          </cell>
          <cell r="AX516">
            <v>-16.759844895108017</v>
          </cell>
          <cell r="AY516">
            <v>19.935675142632022</v>
          </cell>
        </row>
        <row r="517">
          <cell r="A517" t="str">
            <v>PMI_multiramo_VP</v>
          </cell>
          <cell r="AS517">
            <v>0</v>
          </cell>
          <cell r="AT517">
            <v>0</v>
          </cell>
          <cell r="AU517">
            <v>0</v>
          </cell>
          <cell r="AV517">
            <v>2.0235051999999976E-3</v>
          </cell>
          <cell r="AW517">
            <v>7.4550678000000203E-3</v>
          </cell>
          <cell r="AX517">
            <v>-5.3910924960000189E-3</v>
          </cell>
          <cell r="AY517">
            <v>7.6041691560000263E-3</v>
          </cell>
        </row>
        <row r="518">
          <cell r="A518" t="str">
            <v>ENT_multiramo_VP</v>
          </cell>
          <cell r="AS518">
            <v>0</v>
          </cell>
          <cell r="AT518">
            <v>0</v>
          </cell>
          <cell r="AU518">
            <v>0</v>
          </cell>
          <cell r="AV518">
            <v>7.6646000000000093E-5</v>
          </cell>
          <cell r="AW518">
            <v>-3.9089459999999999E-3</v>
          </cell>
          <cell r="AX518">
            <v>3.9871249199999997E-3</v>
          </cell>
          <cell r="AY518">
            <v>-3.9871249199999997E-3</v>
          </cell>
        </row>
        <row r="519">
          <cell r="A519" t="str">
            <v>Cor_multiramo_VP</v>
          </cell>
          <cell r="AS519">
            <v>0</v>
          </cell>
          <cell r="AT519">
            <v>0</v>
          </cell>
          <cell r="AU519">
            <v>0</v>
          </cell>
          <cell r="AV519">
            <v>0</v>
          </cell>
          <cell r="AW519">
            <v>0</v>
          </cell>
          <cell r="AX519">
            <v>0</v>
          </cell>
          <cell r="AY519">
            <v>0</v>
          </cell>
        </row>
        <row r="520">
          <cell r="A520" t="str">
            <v>Gra_multiramo_VP</v>
          </cell>
          <cell r="AS520">
            <v>0</v>
          </cell>
          <cell r="AT520">
            <v>0</v>
          </cell>
          <cell r="AU520">
            <v>0</v>
          </cell>
          <cell r="AV520">
            <v>0</v>
          </cell>
          <cell r="AW520">
            <v>0</v>
          </cell>
          <cell r="AX520">
            <v>0</v>
          </cell>
          <cell r="AY520">
            <v>0</v>
          </cell>
        </row>
        <row r="521">
          <cell r="A521" t="str">
            <v>FEX_multiramo_VP</v>
          </cell>
          <cell r="AS521">
            <v>0</v>
          </cell>
          <cell r="AT521">
            <v>0</v>
          </cell>
          <cell r="AU521">
            <v>0</v>
          </cell>
          <cell r="AV521">
            <v>0</v>
          </cell>
          <cell r="AW521">
            <v>0</v>
          </cell>
          <cell r="AX521">
            <v>0</v>
          </cell>
          <cell r="AY521">
            <v>0</v>
          </cell>
        </row>
        <row r="522">
          <cell r="A522" t="str">
            <v>MCL_multiramo_VP</v>
          </cell>
          <cell r="AS522">
            <v>0</v>
          </cell>
          <cell r="AT522">
            <v>0</v>
          </cell>
          <cell r="AU522">
            <v>0</v>
          </cell>
          <cell r="AV522">
            <v>0</v>
          </cell>
          <cell r="AW522">
            <v>0</v>
          </cell>
          <cell r="AX522">
            <v>0</v>
          </cell>
          <cell r="AY522">
            <v>0</v>
          </cell>
        </row>
        <row r="523">
          <cell r="A523" t="str">
            <v>MCG_multiramo_VP</v>
          </cell>
          <cell r="AS523">
            <v>0</v>
          </cell>
          <cell r="AT523">
            <v>0</v>
          </cell>
          <cell r="AU523">
            <v>0</v>
          </cell>
          <cell r="AV523">
            <v>0</v>
          </cell>
          <cell r="AW523">
            <v>0</v>
          </cell>
          <cell r="AX523">
            <v>0</v>
          </cell>
          <cell r="AY523">
            <v>0</v>
          </cell>
        </row>
        <row r="524">
          <cell r="A524" t="str">
            <v>MLE_multiramo_VP</v>
          </cell>
          <cell r="AS524">
            <v>0</v>
          </cell>
          <cell r="AT524">
            <v>0</v>
          </cell>
          <cell r="AU524">
            <v>0</v>
          </cell>
          <cell r="AV524">
            <v>0</v>
          </cell>
          <cell r="AW524">
            <v>0</v>
          </cell>
          <cell r="AX524">
            <v>0</v>
          </cell>
          <cell r="AY524">
            <v>0</v>
          </cell>
        </row>
        <row r="525">
          <cell r="A525" t="str">
            <v>MFA_multiramo_VP</v>
          </cell>
          <cell r="AS525">
            <v>0</v>
          </cell>
          <cell r="AT525">
            <v>0</v>
          </cell>
          <cell r="AU525">
            <v>0</v>
          </cell>
          <cell r="AV525">
            <v>0</v>
          </cell>
          <cell r="AW525">
            <v>0</v>
          </cell>
          <cell r="AX525">
            <v>0</v>
          </cell>
          <cell r="AY525">
            <v>0</v>
          </cell>
        </row>
        <row r="526">
          <cell r="A526" t="str">
            <v>MBQ_multiramo_VP</v>
          </cell>
          <cell r="AS526">
            <v>0</v>
          </cell>
          <cell r="AT526">
            <v>0</v>
          </cell>
          <cell r="AU526">
            <v>0</v>
          </cell>
          <cell r="AV526">
            <v>0</v>
          </cell>
          <cell r="AW526">
            <v>0</v>
          </cell>
          <cell r="AX526">
            <v>0</v>
          </cell>
          <cell r="AY526">
            <v>0</v>
          </cell>
        </row>
        <row r="527">
          <cell r="A527" t="str">
            <v>MBG_multiramo_VP</v>
          </cell>
          <cell r="AS527">
            <v>0</v>
          </cell>
          <cell r="AT527">
            <v>0</v>
          </cell>
          <cell r="AU527">
            <v>0</v>
          </cell>
          <cell r="AV527">
            <v>0</v>
          </cell>
          <cell r="AW527">
            <v>0</v>
          </cell>
          <cell r="AX527">
            <v>0</v>
          </cell>
          <cell r="AY527">
            <v>0</v>
          </cell>
        </row>
        <row r="528">
          <cell r="A528" t="str">
            <v>WID_multiramo_VP</v>
          </cell>
          <cell r="AS528">
            <v>0</v>
          </cell>
          <cell r="AT528">
            <v>0</v>
          </cell>
          <cell r="AU528">
            <v>0</v>
          </cell>
          <cell r="AV528">
            <v>1.4157406552976592E-2</v>
          </cell>
          <cell r="AW528">
            <v>4.548585794657142</v>
          </cell>
          <cell r="AX528">
            <v>-4.5341452399731059</v>
          </cell>
          <cell r="AY528">
            <v>4.6395575105502846</v>
          </cell>
        </row>
        <row r="529">
          <cell r="A529" t="str">
            <v>FIN_multiramo_VP</v>
          </cell>
          <cell r="AS529">
            <v>0</v>
          </cell>
          <cell r="AT529">
            <v>0</v>
          </cell>
          <cell r="AU529">
            <v>0</v>
          </cell>
          <cell r="AV529">
            <v>0</v>
          </cell>
          <cell r="AW529">
            <v>0</v>
          </cell>
          <cell r="AX529">
            <v>0</v>
          </cell>
          <cell r="AY529">
            <v>0</v>
          </cell>
        </row>
        <row r="530">
          <cell r="A530" t="str">
            <v>ALM_multiramo_VP</v>
          </cell>
          <cell r="AS530">
            <v>0</v>
          </cell>
          <cell r="AT530">
            <v>0</v>
          </cell>
          <cell r="AU530">
            <v>0</v>
          </cell>
          <cell r="AV530">
            <v>0</v>
          </cell>
          <cell r="AW530">
            <v>0</v>
          </cell>
          <cell r="AX530">
            <v>0</v>
          </cell>
          <cell r="AY530">
            <v>0</v>
          </cell>
        </row>
        <row r="531">
          <cell r="A531" t="str">
            <v>FUO_multiramo_VP</v>
          </cell>
          <cell r="AS531">
            <v>0</v>
          </cell>
          <cell r="AT531">
            <v>0</v>
          </cell>
          <cell r="AU531">
            <v>0</v>
          </cell>
          <cell r="AV531">
            <v>5.1758000000000056E-6</v>
          </cell>
          <cell r="AW531">
            <v>-1.3555800000000003E-5</v>
          </cell>
          <cell r="AX531">
            <v>1.8835116000000002E-5</v>
          </cell>
          <cell r="AY531">
            <v>-1.3826916000000012E-5</v>
          </cell>
        </row>
        <row r="532">
          <cell r="A532" t="str">
            <v>XXX_multiramo_VP</v>
          </cell>
          <cell r="AS532">
            <v>0</v>
          </cell>
          <cell r="AT532">
            <v>0</v>
          </cell>
          <cell r="AU532">
            <v>0</v>
          </cell>
          <cell r="AV532">
            <v>153.92494341464271</v>
          </cell>
          <cell r="AW532">
            <v>409.46574986676842</v>
          </cell>
          <cell r="AX532">
            <v>694.51849085933827</v>
          </cell>
          <cell r="AY532">
            <v>563.33589612871037</v>
          </cell>
        </row>
        <row r="533">
          <cell r="A533" t="str">
            <v>TOT_multiramo_VP</v>
          </cell>
          <cell r="AS533">
            <v>0</v>
          </cell>
          <cell r="AT533">
            <v>0</v>
          </cell>
          <cell r="AU533">
            <v>0</v>
          </cell>
          <cell r="AV533">
            <v>224.47242496219496</v>
          </cell>
          <cell r="AW533">
            <v>554.43618228302603</v>
          </cell>
          <cell r="AX533">
            <v>621.50648962158539</v>
          </cell>
          <cell r="AY533">
            <v>711.20573719329332</v>
          </cell>
        </row>
        <row r="534">
          <cell r="A534" t="str">
            <v>Val_unit_VP</v>
          </cell>
          <cell r="AS534">
            <v>0</v>
          </cell>
          <cell r="AT534">
            <v>0</v>
          </cell>
          <cell r="AU534">
            <v>0</v>
          </cell>
          <cell r="AV534">
            <v>8.9523904996000283</v>
          </cell>
          <cell r="AW534">
            <v>18.830122539000001</v>
          </cell>
          <cell r="AX534">
            <v>-9.698684229408002</v>
          </cell>
          <cell r="AY534">
            <v>19.206724989780014</v>
          </cell>
        </row>
        <row r="535">
          <cell r="A535" t="str">
            <v>Pre_unit_VP</v>
          </cell>
          <cell r="AS535">
            <v>0</v>
          </cell>
          <cell r="AT535">
            <v>0</v>
          </cell>
          <cell r="AU535">
            <v>0</v>
          </cell>
          <cell r="AV535">
            <v>54.196108130200173</v>
          </cell>
          <cell r="AW535">
            <v>124.56509209619981</v>
          </cell>
          <cell r="AX535">
            <v>-69.28506180339582</v>
          </cell>
          <cell r="AY535">
            <v>127.05639393812407</v>
          </cell>
        </row>
        <row r="536">
          <cell r="A536" t="str">
            <v>Sma_unit_VP</v>
          </cell>
          <cell r="AS536">
            <v>0</v>
          </cell>
          <cell r="AT536">
            <v>0</v>
          </cell>
          <cell r="AU536">
            <v>0</v>
          </cell>
          <cell r="AV536">
            <v>1.0169893348000016</v>
          </cell>
          <cell r="AW536">
            <v>1.0506680646000035</v>
          </cell>
          <cell r="AX536">
            <v>-1.3338943104002965E-2</v>
          </cell>
          <cell r="AY536">
            <v>1.0716814258920024</v>
          </cell>
        </row>
        <row r="537">
          <cell r="A537" t="str">
            <v>Pri_unit_VP</v>
          </cell>
          <cell r="AS537">
            <v>0</v>
          </cell>
          <cell r="AT537">
            <v>0</v>
          </cell>
          <cell r="AU537">
            <v>0</v>
          </cell>
          <cell r="AV537">
            <v>23.469155025999953</v>
          </cell>
          <cell r="AW537">
            <v>-110.5159562238</v>
          </cell>
          <cell r="AX537">
            <v>134.45449435031992</v>
          </cell>
          <cell r="AY537">
            <v>-112.72627534827598</v>
          </cell>
        </row>
        <row r="538">
          <cell r="A538" t="str">
            <v>Fam_unit_VP</v>
          </cell>
          <cell r="AS538">
            <v>0</v>
          </cell>
          <cell r="AT538">
            <v>0</v>
          </cell>
          <cell r="AU538">
            <v>0</v>
          </cell>
          <cell r="AV538">
            <v>5.088991331800031</v>
          </cell>
          <cell r="AW538">
            <v>38.905375581599969</v>
          </cell>
          <cell r="AX538">
            <v>-33.714604423163962</v>
          </cell>
          <cell r="AY538">
            <v>39.683483093231985</v>
          </cell>
        </row>
        <row r="539">
          <cell r="A539" t="str">
            <v>PMI_unit_VP</v>
          </cell>
          <cell r="AS539">
            <v>0</v>
          </cell>
          <cell r="AT539">
            <v>0</v>
          </cell>
          <cell r="AU539">
            <v>0</v>
          </cell>
          <cell r="AV539">
            <v>6.7542160599999956E-2</v>
          </cell>
          <cell r="AW539">
            <v>3.4215288000001287E-3</v>
          </cell>
          <cell r="AX539">
            <v>6.5471475012000013E-2</v>
          </cell>
          <cell r="AY539">
            <v>3.4899593760000513E-3</v>
          </cell>
        </row>
        <row r="540">
          <cell r="A540" t="str">
            <v>ENT_unit_VP</v>
          </cell>
          <cell r="AS540">
            <v>0</v>
          </cell>
          <cell r="AT540">
            <v>0</v>
          </cell>
          <cell r="AU540">
            <v>0</v>
          </cell>
          <cell r="AV540">
            <v>2.0658280000000057E-4</v>
          </cell>
          <cell r="AW540">
            <v>0</v>
          </cell>
          <cell r="AX540">
            <v>2.1071445600000065E-4</v>
          </cell>
          <cell r="AY540">
            <v>0</v>
          </cell>
        </row>
        <row r="541">
          <cell r="A541" t="str">
            <v>Cor_unit_VP</v>
          </cell>
          <cell r="AS541">
            <v>0</v>
          </cell>
          <cell r="AT541">
            <v>0</v>
          </cell>
          <cell r="AU541">
            <v>0</v>
          </cell>
          <cell r="AV541">
            <v>0</v>
          </cell>
          <cell r="AW541">
            <v>0</v>
          </cell>
          <cell r="AX541">
            <v>0</v>
          </cell>
          <cell r="AY541">
            <v>0</v>
          </cell>
        </row>
        <row r="542">
          <cell r="A542" t="str">
            <v>Gra_unit_VP</v>
          </cell>
          <cell r="AS542">
            <v>0</v>
          </cell>
          <cell r="AT542">
            <v>0</v>
          </cell>
          <cell r="AU542">
            <v>0</v>
          </cell>
          <cell r="AV542">
            <v>0</v>
          </cell>
          <cell r="AW542">
            <v>0</v>
          </cell>
          <cell r="AX542">
            <v>0</v>
          </cell>
          <cell r="AY542">
            <v>0</v>
          </cell>
        </row>
        <row r="543">
          <cell r="A543" t="str">
            <v>FEX_unit_VP</v>
          </cell>
          <cell r="AS543">
            <v>0</v>
          </cell>
          <cell r="AT543">
            <v>0</v>
          </cell>
          <cell r="AU543">
            <v>0</v>
          </cell>
          <cell r="AV543">
            <v>0</v>
          </cell>
          <cell r="AW543">
            <v>0</v>
          </cell>
          <cell r="AX543">
            <v>0</v>
          </cell>
          <cell r="AY543">
            <v>0</v>
          </cell>
        </row>
        <row r="544">
          <cell r="A544" t="str">
            <v>MCL_unit_VP</v>
          </cell>
          <cell r="AS544">
            <v>0</v>
          </cell>
          <cell r="AT544">
            <v>0</v>
          </cell>
          <cell r="AU544">
            <v>0</v>
          </cell>
          <cell r="AV544">
            <v>0</v>
          </cell>
          <cell r="AW544">
            <v>0</v>
          </cell>
          <cell r="AX544">
            <v>0</v>
          </cell>
          <cell r="AY544">
            <v>0</v>
          </cell>
        </row>
        <row r="545">
          <cell r="A545" t="str">
            <v>MCG_unit_VP</v>
          </cell>
          <cell r="AS545">
            <v>0</v>
          </cell>
          <cell r="AT545">
            <v>0</v>
          </cell>
          <cell r="AU545">
            <v>0</v>
          </cell>
          <cell r="AV545">
            <v>0</v>
          </cell>
          <cell r="AW545">
            <v>0</v>
          </cell>
          <cell r="AX545">
            <v>0</v>
          </cell>
          <cell r="AY545">
            <v>0</v>
          </cell>
        </row>
        <row r="546">
          <cell r="A546" t="str">
            <v>MLE_unit_VP</v>
          </cell>
          <cell r="AS546">
            <v>0</v>
          </cell>
          <cell r="AT546">
            <v>0</v>
          </cell>
          <cell r="AU546">
            <v>0</v>
          </cell>
          <cell r="AV546">
            <v>0</v>
          </cell>
          <cell r="AW546">
            <v>0</v>
          </cell>
          <cell r="AX546">
            <v>0</v>
          </cell>
          <cell r="AY546">
            <v>0</v>
          </cell>
        </row>
        <row r="547">
          <cell r="A547" t="str">
            <v>MFA_unit_VP</v>
          </cell>
          <cell r="AS547">
            <v>0</v>
          </cell>
          <cell r="AT547">
            <v>0</v>
          </cell>
          <cell r="AU547">
            <v>0</v>
          </cell>
          <cell r="AV547">
            <v>0</v>
          </cell>
          <cell r="AW547">
            <v>0</v>
          </cell>
          <cell r="AX547">
            <v>0</v>
          </cell>
          <cell r="AY547">
            <v>0</v>
          </cell>
        </row>
        <row r="548">
          <cell r="A548" t="str">
            <v>MBQ_unit_VP</v>
          </cell>
          <cell r="AS548">
            <v>0</v>
          </cell>
          <cell r="AT548">
            <v>0</v>
          </cell>
          <cell r="AU548">
            <v>0</v>
          </cell>
          <cell r="AV548">
            <v>0</v>
          </cell>
          <cell r="AW548">
            <v>0</v>
          </cell>
          <cell r="AX548">
            <v>0</v>
          </cell>
          <cell r="AY548">
            <v>0</v>
          </cell>
        </row>
        <row r="549">
          <cell r="A549" t="str">
            <v>MBG_unit_VP</v>
          </cell>
          <cell r="AS549">
            <v>0</v>
          </cell>
          <cell r="AT549">
            <v>0</v>
          </cell>
          <cell r="AU549">
            <v>0</v>
          </cell>
          <cell r="AV549">
            <v>0</v>
          </cell>
          <cell r="AW549">
            <v>0</v>
          </cell>
          <cell r="AX549">
            <v>0</v>
          </cell>
          <cell r="AY549">
            <v>0</v>
          </cell>
        </row>
        <row r="550">
          <cell r="A550" t="str">
            <v>WID_unit_VP</v>
          </cell>
          <cell r="AS550">
            <v>0</v>
          </cell>
          <cell r="AT550">
            <v>0</v>
          </cell>
          <cell r="AU550">
            <v>0</v>
          </cell>
          <cell r="AV550">
            <v>22.820404740856247</v>
          </cell>
          <cell r="AW550">
            <v>-182.59817103932255</v>
          </cell>
          <cell r="AX550">
            <v>205.87498387499591</v>
          </cell>
          <cell r="AY550">
            <v>-186.25013446010905</v>
          </cell>
        </row>
        <row r="551">
          <cell r="A551" t="str">
            <v>FIN_unit_VP</v>
          </cell>
          <cell r="AS551">
            <v>0</v>
          </cell>
          <cell r="AT551">
            <v>0</v>
          </cell>
          <cell r="AU551">
            <v>0</v>
          </cell>
          <cell r="AV551">
            <v>0</v>
          </cell>
          <cell r="AW551">
            <v>0</v>
          </cell>
          <cell r="AX551">
            <v>0</v>
          </cell>
          <cell r="AY551">
            <v>0</v>
          </cell>
        </row>
        <row r="552">
          <cell r="A552" t="str">
            <v>ALM_unit_VP</v>
          </cell>
          <cell r="AS552">
            <v>0</v>
          </cell>
          <cell r="AT552">
            <v>0</v>
          </cell>
          <cell r="AU552">
            <v>0</v>
          </cell>
          <cell r="AV552">
            <v>0</v>
          </cell>
          <cell r="AW552">
            <v>0</v>
          </cell>
          <cell r="AX552">
            <v>0</v>
          </cell>
          <cell r="AY552">
            <v>0</v>
          </cell>
        </row>
        <row r="553">
          <cell r="A553" t="str">
            <v>FUO_unit_VP</v>
          </cell>
          <cell r="AS553">
            <v>0</v>
          </cell>
          <cell r="AT553">
            <v>0</v>
          </cell>
          <cell r="AU553">
            <v>0</v>
          </cell>
          <cell r="AV553">
            <v>5.3997200000000141E-5</v>
          </cell>
          <cell r="AW553">
            <v>-8.7210000000001626E-6</v>
          </cell>
          <cell r="AX553">
            <v>6.3798144000000185E-5</v>
          </cell>
          <cell r="AY553">
            <v>-8.8954200000001399E-6</v>
          </cell>
        </row>
        <row r="554">
          <cell r="A554" t="str">
            <v>XXX_unit_VP</v>
          </cell>
          <cell r="AS554">
            <v>0</v>
          </cell>
          <cell r="AT554">
            <v>0</v>
          </cell>
          <cell r="AU554">
            <v>0</v>
          </cell>
          <cell r="AV554">
            <v>21.309401538042039</v>
          </cell>
          <cell r="AW554">
            <v>2541.1829381012358</v>
          </cell>
          <cell r="AX554">
            <v>2579.6018519912732</v>
          </cell>
          <cell r="AY554">
            <v>2913.1747410554672</v>
          </cell>
        </row>
        <row r="555">
          <cell r="A555" t="str">
            <v>TOT_unit_VP</v>
          </cell>
          <cell r="AS555">
            <v>0</v>
          </cell>
          <cell r="AT555">
            <v>0</v>
          </cell>
          <cell r="AU555">
            <v>0</v>
          </cell>
          <cell r="AV555">
            <v>136.92124334189975</v>
          </cell>
          <cell r="AW555">
            <v>2431.4234819273124</v>
          </cell>
          <cell r="AX555">
            <v>2807.2853868051279</v>
          </cell>
          <cell r="AY555">
            <v>2801.2200957580662</v>
          </cell>
        </row>
        <row r="556">
          <cell r="A556" t="str">
            <v>Val_previdenza_VP</v>
          </cell>
          <cell r="AS556">
            <v>0</v>
          </cell>
          <cell r="AT556">
            <v>0</v>
          </cell>
          <cell r="AU556">
            <v>0</v>
          </cell>
          <cell r="AV556">
            <v>10.967868285199984</v>
          </cell>
          <cell r="AW556">
            <v>11.187225650903997</v>
          </cell>
          <cell r="AX556">
            <v>11.410970163922116</v>
          </cell>
          <cell r="AY556">
            <v>11.63918956720056</v>
          </cell>
        </row>
        <row r="557">
          <cell r="A557" t="str">
            <v>Pre_previdenza_VP</v>
          </cell>
          <cell r="AS557">
            <v>0</v>
          </cell>
          <cell r="AT557">
            <v>0</v>
          </cell>
          <cell r="AU557">
            <v>0</v>
          </cell>
          <cell r="AV557">
            <v>7.4314996447999988</v>
          </cell>
          <cell r="AW557">
            <v>7.5801296376960181</v>
          </cell>
          <cell r="AX557">
            <v>7.7317322304499498</v>
          </cell>
          <cell r="AY557">
            <v>7.8863668750589113</v>
          </cell>
        </row>
        <row r="558">
          <cell r="A558" t="str">
            <v>Sma_previdenza_VP</v>
          </cell>
          <cell r="AS558">
            <v>0</v>
          </cell>
          <cell r="AT558">
            <v>0</v>
          </cell>
          <cell r="AU558">
            <v>0</v>
          </cell>
          <cell r="AV558">
            <v>1.2887658241999986</v>
          </cell>
          <cell r="AW558">
            <v>1.3145411406839997</v>
          </cell>
          <cell r="AX558">
            <v>1.3408319634976777</v>
          </cell>
          <cell r="AY558">
            <v>1.3676486027676305</v>
          </cell>
        </row>
        <row r="559">
          <cell r="A559" t="str">
            <v>Pri_previdenza_VP</v>
          </cell>
          <cell r="AS559">
            <v>0</v>
          </cell>
          <cell r="AT559">
            <v>0</v>
          </cell>
          <cell r="AU559">
            <v>0</v>
          </cell>
          <cell r="AV559">
            <v>0.99210957860000093</v>
          </cell>
          <cell r="AW559">
            <v>1.0119517701720042</v>
          </cell>
          <cell r="AX559">
            <v>1.0321908055754392</v>
          </cell>
          <cell r="AY559">
            <v>1.052834621686948</v>
          </cell>
        </row>
        <row r="560">
          <cell r="A560" t="str">
            <v>Fam_previdenza_VP</v>
          </cell>
          <cell r="AS560">
            <v>0</v>
          </cell>
          <cell r="AT560">
            <v>0</v>
          </cell>
          <cell r="AU560">
            <v>0</v>
          </cell>
          <cell r="AV560">
            <v>6.5073791600000153E-2</v>
          </cell>
          <cell r="AW560">
            <v>6.6375267431999951E-2</v>
          </cell>
          <cell r="AX560">
            <v>6.7702772780640075E-2</v>
          </cell>
          <cell r="AY560">
            <v>6.9056828236252699E-2</v>
          </cell>
        </row>
        <row r="561">
          <cell r="A561" t="str">
            <v>PMI_previdenza_VP</v>
          </cell>
          <cell r="AS561">
            <v>0</v>
          </cell>
          <cell r="AT561">
            <v>0</v>
          </cell>
          <cell r="AU561">
            <v>0</v>
          </cell>
          <cell r="AV561">
            <v>2.4697579199999931E-2</v>
          </cell>
          <cell r="AW561">
            <v>2.5191530784000049E-2</v>
          </cell>
          <cell r="AX561">
            <v>2.5695361399679983E-2</v>
          </cell>
          <cell r="AY561">
            <v>2.6209268627673588E-2</v>
          </cell>
        </row>
        <row r="562">
          <cell r="A562" t="str">
            <v>ENT_previdenza_VP</v>
          </cell>
          <cell r="AS562">
            <v>0</v>
          </cell>
          <cell r="AT562">
            <v>0</v>
          </cell>
          <cell r="AU562">
            <v>0</v>
          </cell>
          <cell r="AV562">
            <v>0</v>
          </cell>
          <cell r="AW562">
            <v>0</v>
          </cell>
          <cell r="AX562">
            <v>0</v>
          </cell>
          <cell r="AY562">
            <v>0</v>
          </cell>
        </row>
        <row r="563">
          <cell r="A563" t="str">
            <v>Cor_previdenza_VP</v>
          </cell>
          <cell r="AS563">
            <v>0</v>
          </cell>
          <cell r="AT563">
            <v>0</v>
          </cell>
          <cell r="AU563">
            <v>0</v>
          </cell>
          <cell r="AV563">
            <v>0</v>
          </cell>
          <cell r="AW563">
            <v>0</v>
          </cell>
          <cell r="AX563">
            <v>0</v>
          </cell>
          <cell r="AY563">
            <v>0</v>
          </cell>
        </row>
        <row r="564">
          <cell r="A564" t="str">
            <v>Gra_previdenza_VP</v>
          </cell>
          <cell r="AS564">
            <v>0</v>
          </cell>
          <cell r="AT564">
            <v>0</v>
          </cell>
          <cell r="AU564">
            <v>0</v>
          </cell>
          <cell r="AV564">
            <v>0</v>
          </cell>
          <cell r="AW564">
            <v>0</v>
          </cell>
          <cell r="AX564">
            <v>0</v>
          </cell>
          <cell r="AY564">
            <v>0</v>
          </cell>
        </row>
        <row r="565">
          <cell r="A565" t="str">
            <v>FEX_previdenza_VP</v>
          </cell>
          <cell r="AS565">
            <v>0</v>
          </cell>
          <cell r="AT565">
            <v>0</v>
          </cell>
          <cell r="AU565">
            <v>0</v>
          </cell>
          <cell r="AV565">
            <v>0</v>
          </cell>
          <cell r="AW565">
            <v>0</v>
          </cell>
          <cell r="AX565">
            <v>0</v>
          </cell>
          <cell r="AY565">
            <v>0</v>
          </cell>
        </row>
        <row r="566">
          <cell r="A566" t="str">
            <v>MCL_previdenza_VP</v>
          </cell>
          <cell r="AS566">
            <v>0</v>
          </cell>
          <cell r="AT566">
            <v>0</v>
          </cell>
          <cell r="AU566">
            <v>0</v>
          </cell>
          <cell r="AV566">
            <v>0</v>
          </cell>
          <cell r="AW566">
            <v>0</v>
          </cell>
          <cell r="AX566">
            <v>0</v>
          </cell>
          <cell r="AY566">
            <v>0</v>
          </cell>
        </row>
        <row r="567">
          <cell r="A567" t="str">
            <v>MCG_previdenza_VP</v>
          </cell>
          <cell r="AS567">
            <v>0</v>
          </cell>
          <cell r="AT567">
            <v>0</v>
          </cell>
          <cell r="AU567">
            <v>0</v>
          </cell>
          <cell r="AV567">
            <v>0</v>
          </cell>
          <cell r="AW567">
            <v>0</v>
          </cell>
          <cell r="AX567">
            <v>0</v>
          </cell>
          <cell r="AY567">
            <v>0</v>
          </cell>
        </row>
        <row r="568">
          <cell r="A568" t="str">
            <v>MLE_previdenza_VP</v>
          </cell>
          <cell r="AS568">
            <v>0</v>
          </cell>
          <cell r="AT568">
            <v>0</v>
          </cell>
          <cell r="AU568">
            <v>0</v>
          </cell>
          <cell r="AV568">
            <v>0</v>
          </cell>
          <cell r="AW568">
            <v>0</v>
          </cell>
          <cell r="AX568">
            <v>0</v>
          </cell>
          <cell r="AY568">
            <v>0</v>
          </cell>
        </row>
        <row r="569">
          <cell r="A569" t="str">
            <v>MFA_previdenza_VP</v>
          </cell>
          <cell r="AS569">
            <v>0</v>
          </cell>
          <cell r="AT569">
            <v>0</v>
          </cell>
          <cell r="AU569">
            <v>0</v>
          </cell>
          <cell r="AV569">
            <v>0</v>
          </cell>
          <cell r="AW569">
            <v>0</v>
          </cell>
          <cell r="AX569">
            <v>0</v>
          </cell>
          <cell r="AY569">
            <v>0</v>
          </cell>
        </row>
        <row r="570">
          <cell r="A570" t="str">
            <v>MBQ_previdenza_VP</v>
          </cell>
          <cell r="AS570">
            <v>0</v>
          </cell>
          <cell r="AT570">
            <v>0</v>
          </cell>
          <cell r="AU570">
            <v>0</v>
          </cell>
          <cell r="AV570">
            <v>0</v>
          </cell>
          <cell r="AW570">
            <v>0</v>
          </cell>
          <cell r="AX570">
            <v>0</v>
          </cell>
          <cell r="AY570">
            <v>0</v>
          </cell>
        </row>
        <row r="571">
          <cell r="A571" t="str">
            <v>MBG_previdenza_VP</v>
          </cell>
          <cell r="AS571">
            <v>0</v>
          </cell>
          <cell r="AT571">
            <v>0</v>
          </cell>
          <cell r="AU571">
            <v>0</v>
          </cell>
          <cell r="AV571">
            <v>0</v>
          </cell>
          <cell r="AW571">
            <v>0</v>
          </cell>
          <cell r="AX571">
            <v>0</v>
          </cell>
          <cell r="AY571">
            <v>0</v>
          </cell>
        </row>
        <row r="572">
          <cell r="A572" t="str">
            <v>WID_previdenza_VP</v>
          </cell>
          <cell r="AS572">
            <v>0</v>
          </cell>
          <cell r="AT572">
            <v>0</v>
          </cell>
          <cell r="AU572">
            <v>0</v>
          </cell>
          <cell r="AV572">
            <v>1.9639602398290066</v>
          </cell>
          <cell r="AW572">
            <v>2.0032394446255921</v>
          </cell>
          <cell r="AX572">
            <v>2.0433042335181</v>
          </cell>
          <cell r="AY572">
            <v>2.0841703181884697</v>
          </cell>
        </row>
        <row r="573">
          <cell r="A573" t="str">
            <v>FIN_previdenza_VP</v>
          </cell>
          <cell r="AS573">
            <v>0</v>
          </cell>
          <cell r="AT573">
            <v>0</v>
          </cell>
          <cell r="AU573">
            <v>0</v>
          </cell>
          <cell r="AV573">
            <v>0</v>
          </cell>
          <cell r="AW573">
            <v>0</v>
          </cell>
          <cell r="AX573">
            <v>0</v>
          </cell>
          <cell r="AY573">
            <v>0</v>
          </cell>
        </row>
        <row r="574">
          <cell r="A574" t="str">
            <v>ALM_previdenza_VP</v>
          </cell>
          <cell r="AS574">
            <v>0</v>
          </cell>
          <cell r="AT574">
            <v>0</v>
          </cell>
          <cell r="AU574">
            <v>0</v>
          </cell>
          <cell r="AV574">
            <v>0</v>
          </cell>
          <cell r="AW574">
            <v>0</v>
          </cell>
          <cell r="AX574">
            <v>0</v>
          </cell>
          <cell r="AY574">
            <v>0</v>
          </cell>
        </row>
        <row r="575">
          <cell r="A575" t="str">
            <v>FUO_previdenza_VP</v>
          </cell>
          <cell r="AS575">
            <v>0</v>
          </cell>
          <cell r="AT575">
            <v>0</v>
          </cell>
          <cell r="AU575">
            <v>0</v>
          </cell>
          <cell r="AV575">
            <v>4.9719440000000129E-4</v>
          </cell>
          <cell r="AW575">
            <v>5.0713828799999958E-4</v>
          </cell>
          <cell r="AX575">
            <v>5.172810537600013E-4</v>
          </cell>
          <cell r="AY575">
            <v>5.276266748352014E-4</v>
          </cell>
        </row>
        <row r="576">
          <cell r="A576" t="str">
            <v>XXX_previdenza_VP</v>
          </cell>
          <cell r="AS576">
            <v>0</v>
          </cell>
          <cell r="AT576">
            <v>0</v>
          </cell>
          <cell r="AU576">
            <v>0</v>
          </cell>
          <cell r="AV576">
            <v>-15.848818218071074</v>
          </cell>
          <cell r="AW576">
            <v>352.36602048144869</v>
          </cell>
          <cell r="AX576">
            <v>445.64829732835597</v>
          </cell>
          <cell r="AY576">
            <v>590.15207547426394</v>
          </cell>
        </row>
        <row r="577">
          <cell r="A577" t="str">
            <v>TOT_previdenza_VP</v>
          </cell>
          <cell r="AS577">
            <v>0</v>
          </cell>
          <cell r="AT577">
            <v>0</v>
          </cell>
          <cell r="AU577">
            <v>0</v>
          </cell>
          <cell r="AV577">
            <v>6.8856539197581696</v>
          </cell>
          <cell r="AW577">
            <v>375.55518206203442</v>
          </cell>
          <cell r="AX577">
            <v>469.30124214055309</v>
          </cell>
          <cell r="AY577">
            <v>614.27807918270537</v>
          </cell>
        </row>
        <row r="578">
          <cell r="A578" t="str">
            <v>Val_assicura_VP</v>
          </cell>
          <cell r="AS578">
            <v>0</v>
          </cell>
          <cell r="AT578">
            <v>0</v>
          </cell>
          <cell r="AU578">
            <v>0</v>
          </cell>
          <cell r="AV578">
            <v>75.344662821200473</v>
          </cell>
          <cell r="AW578">
            <v>-26.216616937296749</v>
          </cell>
          <cell r="AX578">
            <v>114.47914317884215</v>
          </cell>
          <cell r="AY578">
            <v>-26.51272987276343</v>
          </cell>
        </row>
        <row r="579">
          <cell r="A579" t="str">
            <v>Pre_assicura_VP</v>
          </cell>
          <cell r="AS579">
            <v>0</v>
          </cell>
          <cell r="AT579">
            <v>0</v>
          </cell>
          <cell r="AU579">
            <v>0</v>
          </cell>
          <cell r="AV579">
            <v>245.24240189379998</v>
          </cell>
          <cell r="AW579">
            <v>56.056725250295131</v>
          </cell>
          <cell r="AX579">
            <v>201.82225691183157</v>
          </cell>
          <cell r="AY579">
            <v>57.332494399906864</v>
          </cell>
        </row>
        <row r="580">
          <cell r="A580" t="str">
            <v>Sma_assicura_VP</v>
          </cell>
          <cell r="AS580">
            <v>0</v>
          </cell>
          <cell r="AT580">
            <v>0</v>
          </cell>
          <cell r="AU580">
            <v>0</v>
          </cell>
          <cell r="AV580">
            <v>10.861420605000035</v>
          </cell>
          <cell r="AW580">
            <v>-1.8445033379160805</v>
          </cell>
          <cell r="AX580">
            <v>14.263984318513735</v>
          </cell>
          <cell r="AY580">
            <v>-1.8545767654044312</v>
          </cell>
        </row>
        <row r="581">
          <cell r="A581" t="str">
            <v>Pri_assicura_VP</v>
          </cell>
          <cell r="AS581">
            <v>0</v>
          </cell>
          <cell r="AT581">
            <v>0</v>
          </cell>
          <cell r="AU581">
            <v>0</v>
          </cell>
          <cell r="AV581">
            <v>84.306351685000664</v>
          </cell>
          <cell r="AW581">
            <v>-4.1566633544280194</v>
          </cell>
          <cell r="AX581">
            <v>91.18133287870296</v>
          </cell>
          <cell r="AY581">
            <v>-4.2191528054045193</v>
          </cell>
        </row>
        <row r="582">
          <cell r="A582" t="str">
            <v>Fam_assicura_VP</v>
          </cell>
          <cell r="AS582">
            <v>0</v>
          </cell>
          <cell r="AT582">
            <v>0</v>
          </cell>
          <cell r="AU582">
            <v>0</v>
          </cell>
          <cell r="AV582">
            <v>14.417078876799906</v>
          </cell>
          <cell r="AW582">
            <v>78.130116398232076</v>
          </cell>
          <cell r="AX582">
            <v>-63.356993171115391</v>
          </cell>
          <cell r="AY582">
            <v>79.69407278165238</v>
          </cell>
        </row>
        <row r="583">
          <cell r="A583" t="str">
            <v>PMI_assicura_VP</v>
          </cell>
          <cell r="AS583">
            <v>0</v>
          </cell>
          <cell r="AT583">
            <v>0</v>
          </cell>
          <cell r="AU583">
            <v>0</v>
          </cell>
          <cell r="AV583">
            <v>5.2261091546000102</v>
          </cell>
          <cell r="AW583">
            <v>-6.6476909420159132</v>
          </cell>
          <cell r="AX583">
            <v>12.004017641107566</v>
          </cell>
          <cell r="AY583">
            <v>-6.7801308536281795</v>
          </cell>
        </row>
        <row r="584">
          <cell r="A584" t="str">
            <v>ENT_assicura_VP</v>
          </cell>
          <cell r="AS584">
            <v>0</v>
          </cell>
          <cell r="AT584">
            <v>0</v>
          </cell>
          <cell r="AU584">
            <v>0</v>
          </cell>
          <cell r="AV584">
            <v>5.1838361548000194</v>
          </cell>
          <cell r="AW584">
            <v>4.4656008203999704</v>
          </cell>
          <cell r="AX584">
            <v>0.82191205749597884</v>
          </cell>
          <cell r="AY584">
            <v>4.5549128368080005</v>
          </cell>
        </row>
        <row r="585">
          <cell r="A585" t="str">
            <v>Cor_assicura_VP</v>
          </cell>
          <cell r="AS585">
            <v>0</v>
          </cell>
          <cell r="AT585">
            <v>0</v>
          </cell>
          <cell r="AU585">
            <v>0</v>
          </cell>
          <cell r="AV585">
            <v>0</v>
          </cell>
          <cell r="AW585">
            <v>15.6202741452</v>
          </cell>
          <cell r="AX585">
            <v>-15.6202741452</v>
          </cell>
          <cell r="AY585">
            <v>15.932679628103999</v>
          </cell>
        </row>
        <row r="586">
          <cell r="A586" t="str">
            <v>Gra_assicura_VP</v>
          </cell>
          <cell r="AS586">
            <v>0</v>
          </cell>
          <cell r="AT586">
            <v>0</v>
          </cell>
          <cell r="AU586">
            <v>0</v>
          </cell>
          <cell r="AV586">
            <v>1.0975337576000044</v>
          </cell>
          <cell r="AW586">
            <v>0.32095397519999125</v>
          </cell>
          <cell r="AX586">
            <v>0.7985304575520118</v>
          </cell>
          <cell r="AY586">
            <v>0.32737305470399036</v>
          </cell>
        </row>
        <row r="587">
          <cell r="A587" t="str">
            <v>FEX_assicura_VP</v>
          </cell>
          <cell r="AS587">
            <v>0</v>
          </cell>
          <cell r="AT587">
            <v>0</v>
          </cell>
          <cell r="AU587">
            <v>0</v>
          </cell>
          <cell r="AV587">
            <v>0</v>
          </cell>
          <cell r="AW587">
            <v>0</v>
          </cell>
          <cell r="AX587">
            <v>0</v>
          </cell>
          <cell r="AY587">
            <v>0</v>
          </cell>
        </row>
        <row r="588">
          <cell r="A588" t="str">
            <v>MCL_assicura_VP</v>
          </cell>
          <cell r="AS588">
            <v>0</v>
          </cell>
          <cell r="AT588">
            <v>0</v>
          </cell>
          <cell r="AU588">
            <v>0</v>
          </cell>
          <cell r="AV588">
            <v>0</v>
          </cell>
          <cell r="AW588">
            <v>0</v>
          </cell>
          <cell r="AX588">
            <v>0</v>
          </cell>
          <cell r="AY588">
            <v>0</v>
          </cell>
        </row>
        <row r="589">
          <cell r="A589" t="str">
            <v>MCG_assicura_VP</v>
          </cell>
          <cell r="AS589">
            <v>0</v>
          </cell>
          <cell r="AT589">
            <v>0</v>
          </cell>
          <cell r="AU589">
            <v>0</v>
          </cell>
          <cell r="AV589">
            <v>0</v>
          </cell>
          <cell r="AW589">
            <v>0</v>
          </cell>
          <cell r="AX589">
            <v>0</v>
          </cell>
          <cell r="AY589">
            <v>0</v>
          </cell>
        </row>
        <row r="590">
          <cell r="A590" t="str">
            <v>MLE_assicura_VP</v>
          </cell>
          <cell r="AS590">
            <v>0</v>
          </cell>
          <cell r="AT590">
            <v>0</v>
          </cell>
          <cell r="AU590">
            <v>0</v>
          </cell>
          <cell r="AV590">
            <v>0</v>
          </cell>
          <cell r="AW590">
            <v>0</v>
          </cell>
          <cell r="AX590">
            <v>0</v>
          </cell>
          <cell r="AY590">
            <v>0</v>
          </cell>
        </row>
        <row r="591">
          <cell r="A591" t="str">
            <v>MFA_assicura_VP</v>
          </cell>
          <cell r="AS591">
            <v>0</v>
          </cell>
          <cell r="AT591">
            <v>0</v>
          </cell>
          <cell r="AU591">
            <v>0</v>
          </cell>
          <cell r="AV591">
            <v>0</v>
          </cell>
          <cell r="AW591">
            <v>0</v>
          </cell>
          <cell r="AX591">
            <v>0</v>
          </cell>
          <cell r="AY591">
            <v>0</v>
          </cell>
        </row>
        <row r="592">
          <cell r="A592" t="str">
            <v>MBQ_assicura_VP</v>
          </cell>
          <cell r="AS592">
            <v>0</v>
          </cell>
          <cell r="AT592">
            <v>0</v>
          </cell>
          <cell r="AU592">
            <v>0</v>
          </cell>
          <cell r="AV592">
            <v>5.1591799999999921</v>
          </cell>
          <cell r="AW592">
            <v>1.9696200000000204</v>
          </cell>
          <cell r="AX592">
            <v>3.2927435999999943</v>
          </cell>
          <cell r="AY592">
            <v>2.0090124000000174</v>
          </cell>
        </row>
        <row r="593">
          <cell r="A593" t="str">
            <v>MBG_assicura_VP</v>
          </cell>
          <cell r="AS593">
            <v>0</v>
          </cell>
          <cell r="AT593">
            <v>0</v>
          </cell>
          <cell r="AU593">
            <v>0</v>
          </cell>
          <cell r="AV593">
            <v>0.66394000000000375</v>
          </cell>
          <cell r="AW593">
            <v>0.40188000000000557</v>
          </cell>
          <cell r="AX593">
            <v>0.275338799999993</v>
          </cell>
          <cell r="AY593">
            <v>0.4099176000000071</v>
          </cell>
        </row>
        <row r="594">
          <cell r="A594" t="str">
            <v>WID_assicura_VP</v>
          </cell>
          <cell r="AS594">
            <v>0</v>
          </cell>
          <cell r="AT594">
            <v>0</v>
          </cell>
          <cell r="AU594">
            <v>0</v>
          </cell>
          <cell r="AV594">
            <v>26.755700151000156</v>
          </cell>
          <cell r="AW594">
            <v>-25.437131441986821</v>
          </cell>
          <cell r="AX594">
            <v>54.771249829525004</v>
          </cell>
          <cell r="AY594">
            <v>-25.905007986156306</v>
          </cell>
        </row>
        <row r="595">
          <cell r="A595" t="str">
            <v>FIN_assicura_VP</v>
          </cell>
          <cell r="AS595">
            <v>0</v>
          </cell>
          <cell r="AT595">
            <v>0</v>
          </cell>
          <cell r="AU595">
            <v>0</v>
          </cell>
          <cell r="AV595">
            <v>0</v>
          </cell>
          <cell r="AW595">
            <v>0</v>
          </cell>
          <cell r="AX595">
            <v>0</v>
          </cell>
          <cell r="AY595">
            <v>0</v>
          </cell>
        </row>
        <row r="596">
          <cell r="A596" t="str">
            <v>ALM_assicura_VP</v>
          </cell>
          <cell r="AS596">
            <v>0</v>
          </cell>
          <cell r="AT596">
            <v>0</v>
          </cell>
          <cell r="AU596">
            <v>0</v>
          </cell>
          <cell r="AV596">
            <v>0</v>
          </cell>
          <cell r="AW596">
            <v>0</v>
          </cell>
          <cell r="AX596">
            <v>0</v>
          </cell>
          <cell r="AY596">
            <v>0</v>
          </cell>
        </row>
        <row r="597">
          <cell r="A597" t="str">
            <v>FUO_assicura_VP</v>
          </cell>
          <cell r="AS597">
            <v>0</v>
          </cell>
          <cell r="AT597">
            <v>0</v>
          </cell>
          <cell r="AU597">
            <v>0</v>
          </cell>
          <cell r="AV597">
            <v>5.5636740000000046E-4</v>
          </cell>
          <cell r="AW597">
            <v>4.8486148800000115E-4</v>
          </cell>
          <cell r="AX597">
            <v>5.9991431376000062E-4</v>
          </cell>
          <cell r="AY597">
            <v>5.0490433883519995E-4</v>
          </cell>
        </row>
        <row r="598">
          <cell r="A598" t="str">
            <v>XXX_assicura_VP</v>
          </cell>
          <cell r="AS598">
            <v>0</v>
          </cell>
          <cell r="AT598">
            <v>0</v>
          </cell>
          <cell r="AU598">
            <v>0</v>
          </cell>
          <cell r="AV598">
            <v>-490.43502655220141</v>
          </cell>
          <cell r="AW598">
            <v>2604.5291318810741</v>
          </cell>
          <cell r="AX598">
            <v>2687.991432828604</v>
          </cell>
          <cell r="AY598">
            <v>3394.7112097420413</v>
          </cell>
        </row>
        <row r="599">
          <cell r="A599" t="str">
            <v>TOT_assicura_VP</v>
          </cell>
          <cell r="AS599">
            <v>0</v>
          </cell>
          <cell r="AT599">
            <v>0</v>
          </cell>
          <cell r="AU599">
            <v>0</v>
          </cell>
          <cell r="AV599">
            <v>-16.17625508499259</v>
          </cell>
          <cell r="AW599">
            <v>2697.1921813182416</v>
          </cell>
          <cell r="AX599">
            <v>3102.7252751001652</v>
          </cell>
          <cell r="AY599">
            <v>3489.7005790641961</v>
          </cell>
        </row>
        <row r="600">
          <cell r="A600" t="str">
            <v>Val_GP_VP</v>
          </cell>
          <cell r="AS600">
            <v>0</v>
          </cell>
          <cell r="AT600">
            <v>0</v>
          </cell>
          <cell r="AU600">
            <v>0</v>
          </cell>
          <cell r="AV600">
            <v>0.83839210520000051</v>
          </cell>
          <cell r="AW600">
            <v>0.8551599473040028</v>
          </cell>
          <cell r="AX600">
            <v>0.87226314625008428</v>
          </cell>
          <cell r="AY600">
            <v>0.88970840917508554</v>
          </cell>
        </row>
        <row r="601">
          <cell r="A601" t="str">
            <v>Pre_GP_VP</v>
          </cell>
          <cell r="AS601">
            <v>0</v>
          </cell>
          <cell r="AT601">
            <v>0</v>
          </cell>
          <cell r="AU601">
            <v>0</v>
          </cell>
          <cell r="AV601">
            <v>11.553552484600004</v>
          </cell>
          <cell r="AW601">
            <v>411.784623534292</v>
          </cell>
          <cell r="AX601">
            <v>212.02031600497776</v>
          </cell>
          <cell r="AY601">
            <v>657.2607223250775</v>
          </cell>
        </row>
        <row r="602">
          <cell r="A602" t="str">
            <v>Sma_GP_VP</v>
          </cell>
          <cell r="AS602">
            <v>0</v>
          </cell>
          <cell r="AT602">
            <v>0</v>
          </cell>
          <cell r="AU602">
            <v>0</v>
          </cell>
          <cell r="AV602">
            <v>0.18093437059999928</v>
          </cell>
          <cell r="AW602">
            <v>0.18455305801199984</v>
          </cell>
          <cell r="AX602">
            <v>0.18824411917223927</v>
          </cell>
          <cell r="AY602">
            <v>0.19200900155568412</v>
          </cell>
        </row>
        <row r="603">
          <cell r="A603" t="str">
            <v>Pri_GP_VP</v>
          </cell>
          <cell r="AS603">
            <v>0</v>
          </cell>
          <cell r="AT603">
            <v>0</v>
          </cell>
          <cell r="AU603">
            <v>0</v>
          </cell>
          <cell r="AV603">
            <v>46.710332655000002</v>
          </cell>
          <cell r="AW603">
            <v>-52.355460691900134</v>
          </cell>
          <cell r="AX603">
            <v>698.59743009426211</v>
          </cell>
          <cell r="AY603">
            <v>749.5693786961474</v>
          </cell>
        </row>
        <row r="604">
          <cell r="A604" t="str">
            <v>Fam_GP_VP</v>
          </cell>
          <cell r="AS604">
            <v>0</v>
          </cell>
          <cell r="AT604">
            <v>0</v>
          </cell>
          <cell r="AU604">
            <v>0</v>
          </cell>
          <cell r="AV604">
            <v>6.6889073731999815</v>
          </cell>
          <cell r="AW604">
            <v>6.8226855206639812</v>
          </cell>
          <cell r="AX604">
            <v>6.9591392310773017</v>
          </cell>
          <cell r="AY604">
            <v>7.0983220156988409</v>
          </cell>
        </row>
        <row r="605">
          <cell r="A605" t="str">
            <v>PMI_GP_VP</v>
          </cell>
          <cell r="AS605">
            <v>0</v>
          </cell>
          <cell r="AT605">
            <v>0</v>
          </cell>
          <cell r="AU605">
            <v>0</v>
          </cell>
          <cell r="AV605">
            <v>0.18459593660000095</v>
          </cell>
          <cell r="AW605">
            <v>0.18828785533199976</v>
          </cell>
          <cell r="AX605">
            <v>0.19205361243863983</v>
          </cell>
          <cell r="AY605">
            <v>0.19589468468741345</v>
          </cell>
        </row>
        <row r="606">
          <cell r="A606" t="str">
            <v>ENT_GP_VP</v>
          </cell>
          <cell r="AS606">
            <v>0</v>
          </cell>
          <cell r="AT606">
            <v>0</v>
          </cell>
          <cell r="AU606">
            <v>0</v>
          </cell>
          <cell r="AV606">
            <v>1.8073078350000031</v>
          </cell>
          <cell r="AW606">
            <v>1.8434539917000023</v>
          </cell>
          <cell r="AX606">
            <v>1.8803230715340078</v>
          </cell>
          <cell r="AY606">
            <v>1.9179295329646777</v>
          </cell>
        </row>
        <row r="607">
          <cell r="A607" t="str">
            <v>Cor_GP_VP</v>
          </cell>
          <cell r="AS607">
            <v>0</v>
          </cell>
          <cell r="AT607">
            <v>0</v>
          </cell>
          <cell r="AU607">
            <v>0</v>
          </cell>
          <cell r="AV607">
            <v>0</v>
          </cell>
          <cell r="AW607">
            <v>0</v>
          </cell>
          <cell r="AX607">
            <v>0</v>
          </cell>
          <cell r="AY607">
            <v>0</v>
          </cell>
        </row>
        <row r="608">
          <cell r="A608" t="str">
            <v>Gra_GP_VP</v>
          </cell>
          <cell r="AS608">
            <v>0</v>
          </cell>
          <cell r="AT608">
            <v>0</v>
          </cell>
          <cell r="AU608">
            <v>0</v>
          </cell>
          <cell r="AV608">
            <v>0</v>
          </cell>
          <cell r="AW608">
            <v>0</v>
          </cell>
          <cell r="AX608">
            <v>0</v>
          </cell>
          <cell r="AY608">
            <v>0</v>
          </cell>
        </row>
        <row r="609">
          <cell r="A609" t="str">
            <v>FEX_GP_VP</v>
          </cell>
          <cell r="AS609">
            <v>0</v>
          </cell>
          <cell r="AT609">
            <v>0</v>
          </cell>
          <cell r="AU609">
            <v>0</v>
          </cell>
          <cell r="AV609">
            <v>0</v>
          </cell>
          <cell r="AW609">
            <v>0</v>
          </cell>
          <cell r="AX609">
            <v>0</v>
          </cell>
          <cell r="AY609">
            <v>0</v>
          </cell>
        </row>
        <row r="610">
          <cell r="A610" t="str">
            <v>MCL_GP_VP</v>
          </cell>
          <cell r="AS610">
            <v>0</v>
          </cell>
          <cell r="AT610">
            <v>0</v>
          </cell>
          <cell r="AU610">
            <v>0</v>
          </cell>
          <cell r="AV610">
            <v>0</v>
          </cell>
          <cell r="AW610">
            <v>0</v>
          </cell>
          <cell r="AX610">
            <v>0</v>
          </cell>
          <cell r="AY610">
            <v>0</v>
          </cell>
        </row>
        <row r="611">
          <cell r="A611" t="str">
            <v>MCG_GP_VP</v>
          </cell>
          <cell r="AS611">
            <v>0</v>
          </cell>
          <cell r="AT611">
            <v>0</v>
          </cell>
          <cell r="AU611">
            <v>0</v>
          </cell>
          <cell r="AV611">
            <v>0</v>
          </cell>
          <cell r="AW611">
            <v>0</v>
          </cell>
          <cell r="AX611">
            <v>0</v>
          </cell>
          <cell r="AY611">
            <v>0</v>
          </cell>
        </row>
        <row r="612">
          <cell r="A612" t="str">
            <v>MLE_GP_VP</v>
          </cell>
          <cell r="AS612">
            <v>0</v>
          </cell>
          <cell r="AT612">
            <v>0</v>
          </cell>
          <cell r="AU612">
            <v>0</v>
          </cell>
          <cell r="AV612">
            <v>0</v>
          </cell>
          <cell r="AW612">
            <v>0</v>
          </cell>
          <cell r="AX612">
            <v>0</v>
          </cell>
          <cell r="AY612">
            <v>0</v>
          </cell>
        </row>
        <row r="613">
          <cell r="A613" t="str">
            <v>MFA_GP_VP</v>
          </cell>
          <cell r="AS613">
            <v>0</v>
          </cell>
          <cell r="AT613">
            <v>0</v>
          </cell>
          <cell r="AU613">
            <v>0</v>
          </cell>
          <cell r="AV613">
            <v>0</v>
          </cell>
          <cell r="AW613">
            <v>0</v>
          </cell>
          <cell r="AX613">
            <v>0</v>
          </cell>
          <cell r="AY613">
            <v>0</v>
          </cell>
        </row>
        <row r="614">
          <cell r="A614" t="str">
            <v>MBQ_GP_VP</v>
          </cell>
          <cell r="AS614">
            <v>0</v>
          </cell>
          <cell r="AT614">
            <v>0</v>
          </cell>
          <cell r="AU614">
            <v>0</v>
          </cell>
          <cell r="AV614">
            <v>0.14554000000000045</v>
          </cell>
          <cell r="AW614">
            <v>0.14845079999999999</v>
          </cell>
          <cell r="AX614">
            <v>0.15141981599999976</v>
          </cell>
          <cell r="AY614">
            <v>0.15444821232000017</v>
          </cell>
        </row>
        <row r="615">
          <cell r="A615" t="str">
            <v>MBG_GP_VP</v>
          </cell>
          <cell r="AS615">
            <v>0</v>
          </cell>
          <cell r="AT615">
            <v>0</v>
          </cell>
          <cell r="AU615">
            <v>0</v>
          </cell>
          <cell r="AV615">
            <v>0</v>
          </cell>
          <cell r="AW615">
            <v>0</v>
          </cell>
          <cell r="AX615">
            <v>0</v>
          </cell>
          <cell r="AY615">
            <v>0</v>
          </cell>
        </row>
        <row r="616">
          <cell r="A616" t="str">
            <v>WID_GP_VP</v>
          </cell>
          <cell r="AS616">
            <v>0</v>
          </cell>
          <cell r="AT616">
            <v>0</v>
          </cell>
          <cell r="AU616">
            <v>0</v>
          </cell>
          <cell r="AV616">
            <v>5.9667018115000587</v>
          </cell>
          <cell r="AW616">
            <v>6.0860358477300451</v>
          </cell>
          <cell r="AX616">
            <v>6.2077565646846438</v>
          </cell>
          <cell r="AY616">
            <v>6.3319116959783628</v>
          </cell>
        </row>
        <row r="617">
          <cell r="A617" t="str">
            <v>FIN_GP_VP</v>
          </cell>
          <cell r="AS617">
            <v>0</v>
          </cell>
          <cell r="AT617">
            <v>0</v>
          </cell>
          <cell r="AU617">
            <v>0</v>
          </cell>
          <cell r="AV617">
            <v>0</v>
          </cell>
          <cell r="AW617">
            <v>0</v>
          </cell>
          <cell r="AX617">
            <v>0</v>
          </cell>
          <cell r="AY617">
            <v>0</v>
          </cell>
        </row>
        <row r="618">
          <cell r="A618" t="str">
            <v>ALM_GP_VP</v>
          </cell>
          <cell r="AS618">
            <v>0</v>
          </cell>
          <cell r="AT618">
            <v>0</v>
          </cell>
          <cell r="AU618">
            <v>0</v>
          </cell>
          <cell r="AV618">
            <v>0</v>
          </cell>
          <cell r="AW618">
            <v>0</v>
          </cell>
          <cell r="AX618">
            <v>0</v>
          </cell>
          <cell r="AY618">
            <v>0</v>
          </cell>
        </row>
        <row r="619">
          <cell r="A619" t="str">
            <v>FUO_GP_VP</v>
          </cell>
          <cell r="AS619">
            <v>0</v>
          </cell>
          <cell r="AT619">
            <v>0</v>
          </cell>
          <cell r="AU619">
            <v>0</v>
          </cell>
          <cell r="AV619">
            <v>0</v>
          </cell>
          <cell r="AW619">
            <v>0</v>
          </cell>
          <cell r="AX619">
            <v>0</v>
          </cell>
          <cell r="AY619">
            <v>0</v>
          </cell>
        </row>
        <row r="620">
          <cell r="A620" t="str">
            <v>XXX_GP_VP</v>
          </cell>
          <cell r="AS620">
            <v>0</v>
          </cell>
          <cell r="AT620">
            <v>0</v>
          </cell>
          <cell r="AU620">
            <v>0</v>
          </cell>
          <cell r="AV620">
            <v>100.66294122829822</v>
          </cell>
          <cell r="AW620">
            <v>124.29133785024032</v>
          </cell>
          <cell r="AX620">
            <v>72.986314472203503</v>
          </cell>
          <cell r="AY620">
            <v>76.965868392759148</v>
          </cell>
        </row>
        <row r="621">
          <cell r="A621" t="str">
            <v>TOT_GP_VP</v>
          </cell>
          <cell r="AS621">
            <v>0</v>
          </cell>
          <cell r="AT621">
            <v>0</v>
          </cell>
          <cell r="AU621">
            <v>0</v>
          </cell>
          <cell r="AV621">
            <v>174.73920579999822</v>
          </cell>
          <cell r="AW621">
            <v>499.84912771337486</v>
          </cell>
          <cell r="AX621">
            <v>1000.0552601325999</v>
          </cell>
          <cell r="AY621">
            <v>1500.576192966364</v>
          </cell>
        </row>
        <row r="622">
          <cell r="A622" t="str">
            <v>Val_Fondi_VP</v>
          </cell>
          <cell r="AS622">
            <v>0</v>
          </cell>
          <cell r="AT622">
            <v>0</v>
          </cell>
          <cell r="AU622">
            <v>0</v>
          </cell>
          <cell r="AV622">
            <v>66.970386573199903</v>
          </cell>
          <cell r="AW622">
            <v>68.309794304664138</v>
          </cell>
          <cell r="AX622">
            <v>69.675990190757148</v>
          </cell>
          <cell r="AY622">
            <v>71.0695099945724</v>
          </cell>
        </row>
        <row r="623">
          <cell r="A623" t="str">
            <v>Pre_Fondi_VP</v>
          </cell>
          <cell r="AS623">
            <v>0</v>
          </cell>
          <cell r="AT623">
            <v>0</v>
          </cell>
          <cell r="AU623">
            <v>0</v>
          </cell>
          <cell r="AV623">
            <v>265.92881579039931</v>
          </cell>
          <cell r="AW623">
            <v>-308.75260789379172</v>
          </cell>
          <cell r="AX623">
            <v>76.672339948332592</v>
          </cell>
          <cell r="AY623">
            <v>82.205786747299499</v>
          </cell>
        </row>
        <row r="624">
          <cell r="A624" t="str">
            <v>Sma_Fondi_VP</v>
          </cell>
          <cell r="AS624">
            <v>0</v>
          </cell>
          <cell r="AT624">
            <v>0</v>
          </cell>
          <cell r="AU624">
            <v>0</v>
          </cell>
          <cell r="AV624">
            <v>6.3157817872000237</v>
          </cell>
          <cell r="AW624">
            <v>6.4420974229440162</v>
          </cell>
          <cell r="AX624">
            <v>6.5709393714029147</v>
          </cell>
          <cell r="AY624">
            <v>6.7023581588309185</v>
          </cell>
        </row>
        <row r="625">
          <cell r="A625" t="str">
            <v>Pri_Fondi_VP</v>
          </cell>
          <cell r="AS625">
            <v>0</v>
          </cell>
          <cell r="AT625">
            <v>0</v>
          </cell>
          <cell r="AU625">
            <v>0</v>
          </cell>
          <cell r="AV625">
            <v>89.084997973800455</v>
          </cell>
          <cell r="AW625">
            <v>-189.13330206672435</v>
          </cell>
          <cell r="AX625">
            <v>72.684031891941231</v>
          </cell>
          <cell r="AY625">
            <v>94.537712529780038</v>
          </cell>
        </row>
        <row r="626">
          <cell r="A626" t="str">
            <v>Fam_Fondi_VP</v>
          </cell>
          <cell r="AS626">
            <v>0</v>
          </cell>
          <cell r="AT626">
            <v>0</v>
          </cell>
          <cell r="AU626">
            <v>0</v>
          </cell>
          <cell r="AV626">
            <v>10.371289219000005</v>
          </cell>
          <cell r="AW626">
            <v>10.578715003380012</v>
          </cell>
          <cell r="AX626">
            <v>10.790289303447594</v>
          </cell>
          <cell r="AY626">
            <v>11.006095089516521</v>
          </cell>
        </row>
        <row r="627">
          <cell r="A627" t="str">
            <v>PMI_Fondi_VP</v>
          </cell>
          <cell r="AS627">
            <v>0</v>
          </cell>
          <cell r="AT627">
            <v>0</v>
          </cell>
          <cell r="AU627">
            <v>0</v>
          </cell>
          <cell r="AV627">
            <v>1.8461525772000016</v>
          </cell>
          <cell r="AW627">
            <v>1.8830756287439954</v>
          </cell>
          <cell r="AX627">
            <v>1.920737141318881</v>
          </cell>
          <cell r="AY627">
            <v>1.9591518841452569</v>
          </cell>
        </row>
        <row r="628">
          <cell r="A628" t="str">
            <v>ENT_Fondi_VP</v>
          </cell>
          <cell r="AS628">
            <v>0</v>
          </cell>
          <cell r="AT628">
            <v>0</v>
          </cell>
          <cell r="AU628">
            <v>0</v>
          </cell>
          <cell r="AV628">
            <v>0.74376421960000272</v>
          </cell>
          <cell r="AW628">
            <v>0.75863950399200064</v>
          </cell>
          <cell r="AX628">
            <v>0.77381229407183838</v>
          </cell>
          <cell r="AY628">
            <v>0.78928853995327586</v>
          </cell>
        </row>
        <row r="629">
          <cell r="A629" t="str">
            <v>Cor_Fondi_VP</v>
          </cell>
          <cell r="AS629">
            <v>0</v>
          </cell>
          <cell r="AT629">
            <v>0</v>
          </cell>
          <cell r="AU629">
            <v>0</v>
          </cell>
          <cell r="AV629">
            <v>3.0279623140000069</v>
          </cell>
          <cell r="AW629">
            <v>3.0885215602800145</v>
          </cell>
          <cell r="AX629">
            <v>3.1502919914856022</v>
          </cell>
          <cell r="AY629">
            <v>3.213297831315316</v>
          </cell>
        </row>
        <row r="630">
          <cell r="A630" t="str">
            <v>Gra_Fondi_VP</v>
          </cell>
          <cell r="AS630">
            <v>0</v>
          </cell>
          <cell r="AT630">
            <v>0</v>
          </cell>
          <cell r="AU630">
            <v>0</v>
          </cell>
          <cell r="AV630">
            <v>2.0962078505999955</v>
          </cell>
          <cell r="AW630">
            <v>2.1381320076120005</v>
          </cell>
          <cell r="AX630">
            <v>2.1808946477642479</v>
          </cell>
          <cell r="AY630">
            <v>2.2245125407195303</v>
          </cell>
        </row>
        <row r="631">
          <cell r="A631" t="str">
            <v>FEX_Fondi_VP</v>
          </cell>
          <cell r="AS631">
            <v>0</v>
          </cell>
          <cell r="AT631">
            <v>0</v>
          </cell>
          <cell r="AU631">
            <v>0</v>
          </cell>
          <cell r="AV631">
            <v>0</v>
          </cell>
          <cell r="AW631">
            <v>0</v>
          </cell>
          <cell r="AX631">
            <v>0</v>
          </cell>
          <cell r="AY631">
            <v>0</v>
          </cell>
        </row>
        <row r="632">
          <cell r="A632" t="str">
            <v>MCL_Fondi_VP</v>
          </cell>
          <cell r="AS632">
            <v>0</v>
          </cell>
          <cell r="AT632">
            <v>0</v>
          </cell>
          <cell r="AU632">
            <v>0</v>
          </cell>
          <cell r="AV632">
            <v>0</v>
          </cell>
          <cell r="AW632">
            <v>0</v>
          </cell>
          <cell r="AX632">
            <v>0</v>
          </cell>
          <cell r="AY632">
            <v>0</v>
          </cell>
        </row>
        <row r="633">
          <cell r="A633" t="str">
            <v>MCG_Fondi_VP</v>
          </cell>
          <cell r="AS633">
            <v>0</v>
          </cell>
          <cell r="AT633">
            <v>0</v>
          </cell>
          <cell r="AU633">
            <v>0</v>
          </cell>
          <cell r="AV633">
            <v>0</v>
          </cell>
          <cell r="AW633">
            <v>0</v>
          </cell>
          <cell r="AX633">
            <v>0</v>
          </cell>
          <cell r="AY633">
            <v>0</v>
          </cell>
        </row>
        <row r="634">
          <cell r="A634" t="str">
            <v>MLE_Fondi_VP</v>
          </cell>
          <cell r="AS634">
            <v>0</v>
          </cell>
          <cell r="AT634">
            <v>0</v>
          </cell>
          <cell r="AU634">
            <v>0</v>
          </cell>
          <cell r="AV634">
            <v>0</v>
          </cell>
          <cell r="AW634">
            <v>0</v>
          </cell>
          <cell r="AX634">
            <v>0</v>
          </cell>
          <cell r="AY634">
            <v>0</v>
          </cell>
        </row>
        <row r="635">
          <cell r="A635" t="str">
            <v>MFA_Fondi_VP</v>
          </cell>
          <cell r="AS635">
            <v>0</v>
          </cell>
          <cell r="AT635">
            <v>0</v>
          </cell>
          <cell r="AU635">
            <v>0</v>
          </cell>
          <cell r="AV635">
            <v>0</v>
          </cell>
          <cell r="AW635">
            <v>0</v>
          </cell>
          <cell r="AX635">
            <v>0</v>
          </cell>
          <cell r="AY635">
            <v>0</v>
          </cell>
        </row>
        <row r="636">
          <cell r="A636" t="str">
            <v>MBQ_Fondi_VP</v>
          </cell>
          <cell r="AS636">
            <v>0</v>
          </cell>
          <cell r="AT636">
            <v>0</v>
          </cell>
          <cell r="AU636">
            <v>0</v>
          </cell>
          <cell r="AV636">
            <v>2.7456200000000024</v>
          </cell>
          <cell r="AW636">
            <v>2.8005324000000087</v>
          </cell>
          <cell r="AX636">
            <v>2.8565430479999918</v>
          </cell>
          <cell r="AY636">
            <v>2.9136739089599928</v>
          </cell>
        </row>
        <row r="637">
          <cell r="A637" t="str">
            <v>MBG_Fondi_VP</v>
          </cell>
          <cell r="AS637">
            <v>0</v>
          </cell>
          <cell r="AT637">
            <v>0</v>
          </cell>
          <cell r="AU637">
            <v>0</v>
          </cell>
          <cell r="AV637">
            <v>0</v>
          </cell>
          <cell r="AW637">
            <v>0</v>
          </cell>
          <cell r="AX637">
            <v>0</v>
          </cell>
          <cell r="AY637">
            <v>0</v>
          </cell>
        </row>
        <row r="638">
          <cell r="A638" t="str">
            <v>WID_Fondi_VP</v>
          </cell>
          <cell r="AS638">
            <v>0</v>
          </cell>
          <cell r="AT638">
            <v>0</v>
          </cell>
          <cell r="AU638">
            <v>0</v>
          </cell>
          <cell r="AV638">
            <v>58.002896259300087</v>
          </cell>
          <cell r="AW638">
            <v>59.162954184485898</v>
          </cell>
          <cell r="AX638">
            <v>60.346213268175688</v>
          </cell>
          <cell r="AY638">
            <v>61.553137533539484</v>
          </cell>
        </row>
        <row r="639">
          <cell r="A639" t="str">
            <v>FIN_Fondi_VP</v>
          </cell>
          <cell r="AS639">
            <v>0</v>
          </cell>
          <cell r="AT639">
            <v>0</v>
          </cell>
          <cell r="AU639">
            <v>0</v>
          </cell>
          <cell r="AV639">
            <v>0</v>
          </cell>
          <cell r="AW639">
            <v>0</v>
          </cell>
          <cell r="AX639">
            <v>0</v>
          </cell>
          <cell r="AY639">
            <v>0</v>
          </cell>
        </row>
        <row r="640">
          <cell r="A640" t="str">
            <v>ALM_Fondi_VP</v>
          </cell>
          <cell r="AS640">
            <v>0</v>
          </cell>
          <cell r="AT640">
            <v>0</v>
          </cell>
          <cell r="AU640">
            <v>0</v>
          </cell>
          <cell r="AV640">
            <v>0</v>
          </cell>
          <cell r="AW640">
            <v>0</v>
          </cell>
          <cell r="AX640">
            <v>0</v>
          </cell>
          <cell r="AY640">
            <v>0</v>
          </cell>
        </row>
        <row r="641">
          <cell r="A641" t="str">
            <v>FUO_Fondi_VP</v>
          </cell>
          <cell r="AS641">
            <v>0</v>
          </cell>
          <cell r="AT641">
            <v>0</v>
          </cell>
          <cell r="AU641">
            <v>0</v>
          </cell>
          <cell r="AV641">
            <v>3.6777599999999978E-5</v>
          </cell>
          <cell r="AW641">
            <v>3.7513152000000129E-5</v>
          </cell>
          <cell r="AX641">
            <v>3.826341503999995E-5</v>
          </cell>
          <cell r="AY641">
            <v>3.9028683340800157E-5</v>
          </cell>
        </row>
        <row r="642">
          <cell r="A642" t="str">
            <v>XXX_Fondi_VP</v>
          </cell>
          <cell r="AS642">
            <v>0</v>
          </cell>
          <cell r="AT642">
            <v>0</v>
          </cell>
          <cell r="AU642">
            <v>0</v>
          </cell>
          <cell r="AV642">
            <v>-697.41961626688862</v>
          </cell>
          <cell r="AW642">
            <v>697.41961626688862</v>
          </cell>
          <cell r="AX642">
            <v>0</v>
          </cell>
          <cell r="AY642">
            <v>0</v>
          </cell>
        </row>
        <row r="643">
          <cell r="A643" t="str">
            <v>TOT_Fondi_VP</v>
          </cell>
          <cell r="AS643">
            <v>0</v>
          </cell>
          <cell r="AT643">
            <v>0</v>
          </cell>
          <cell r="AU643">
            <v>0</v>
          </cell>
          <cell r="AV643">
            <v>-190.28570492499421</v>
          </cell>
          <cell r="AW643">
            <v>354.6962058356221</v>
          </cell>
          <cell r="AX643">
            <v>307.62212136011658</v>
          </cell>
          <cell r="AY643">
            <v>338.17456378731731</v>
          </cell>
        </row>
        <row r="644">
          <cell r="A644" t="str">
            <v>Val_amm_VP</v>
          </cell>
          <cell r="AS644">
            <v>0</v>
          </cell>
          <cell r="AT644">
            <v>0</v>
          </cell>
          <cell r="AU644">
            <v>0</v>
          </cell>
          <cell r="AV644">
            <v>36.812193465799965</v>
          </cell>
          <cell r="AW644">
            <v>37.548437335115977</v>
          </cell>
          <cell r="AX644">
            <v>38.299406081818461</v>
          </cell>
          <cell r="AY644">
            <v>39.065394203454616</v>
          </cell>
        </row>
        <row r="645">
          <cell r="A645" t="str">
            <v>Pre_amm_VP</v>
          </cell>
          <cell r="AS645">
            <v>0</v>
          </cell>
          <cell r="AT645">
            <v>0</v>
          </cell>
          <cell r="AU645">
            <v>0</v>
          </cell>
          <cell r="AV645">
            <v>230.32902822120013</v>
          </cell>
          <cell r="AW645">
            <v>234.93560878562494</v>
          </cell>
          <cell r="AX645">
            <v>239.63432096133693</v>
          </cell>
          <cell r="AY645">
            <v>244.42700738056374</v>
          </cell>
        </row>
        <row r="646">
          <cell r="A646" t="str">
            <v>Sma_amm_VP</v>
          </cell>
          <cell r="AS646">
            <v>0</v>
          </cell>
          <cell r="AT646">
            <v>0</v>
          </cell>
          <cell r="AU646">
            <v>0</v>
          </cell>
          <cell r="AV646">
            <v>6.3554439046000084</v>
          </cell>
          <cell r="AW646">
            <v>6.4825527826919824</v>
          </cell>
          <cell r="AX646">
            <v>6.612203838345863</v>
          </cell>
          <cell r="AY646">
            <v>6.7444479151127439</v>
          </cell>
        </row>
        <row r="647">
          <cell r="A647" t="str">
            <v>Pri_amm_VP</v>
          </cell>
          <cell r="AS647">
            <v>0</v>
          </cell>
          <cell r="AT647">
            <v>0</v>
          </cell>
          <cell r="AU647">
            <v>0</v>
          </cell>
          <cell r="AV647">
            <v>107.11185990420017</v>
          </cell>
          <cell r="AW647">
            <v>109.2540971022845</v>
          </cell>
          <cell r="AX647">
            <v>111.43917904432965</v>
          </cell>
          <cell r="AY647">
            <v>113.66796262521621</v>
          </cell>
        </row>
        <row r="648">
          <cell r="A648" t="str">
            <v>Fam_amm_VP</v>
          </cell>
          <cell r="AS648">
            <v>0</v>
          </cell>
          <cell r="AT648">
            <v>0</v>
          </cell>
          <cell r="AU648">
            <v>0</v>
          </cell>
          <cell r="AV648">
            <v>15.477597975400045</v>
          </cell>
          <cell r="AW648">
            <v>15.78714993490803</v>
          </cell>
          <cell r="AX648">
            <v>16.102892933606199</v>
          </cell>
          <cell r="AY648">
            <v>16.42495079227831</v>
          </cell>
        </row>
        <row r="649">
          <cell r="A649" t="str">
            <v>PMI_amm_VP</v>
          </cell>
          <cell r="AS649">
            <v>0</v>
          </cell>
          <cell r="AT649">
            <v>0</v>
          </cell>
          <cell r="AU649">
            <v>0</v>
          </cell>
          <cell r="AV649">
            <v>18.125776428999984</v>
          </cell>
          <cell r="AW649">
            <v>18.488291957580032</v>
          </cell>
          <cell r="AX649">
            <v>18.8580577967316</v>
          </cell>
          <cell r="AY649">
            <v>19.235218952666287</v>
          </cell>
        </row>
        <row r="650">
          <cell r="A650" t="str">
            <v>ENT_amm_VP</v>
          </cell>
          <cell r="AS650">
            <v>0</v>
          </cell>
          <cell r="AT650">
            <v>0</v>
          </cell>
          <cell r="AU650">
            <v>0</v>
          </cell>
          <cell r="AV650">
            <v>30.272765832399955</v>
          </cell>
          <cell r="AW650">
            <v>30.878221149047931</v>
          </cell>
          <cell r="AX650">
            <v>31.495785572029035</v>
          </cell>
          <cell r="AY650">
            <v>32.125701283469652</v>
          </cell>
        </row>
        <row r="651">
          <cell r="A651" t="str">
            <v>Cor_amm_VP</v>
          </cell>
          <cell r="AS651">
            <v>0</v>
          </cell>
          <cell r="AT651">
            <v>0</v>
          </cell>
          <cell r="AU651">
            <v>0</v>
          </cell>
          <cell r="AV651">
            <v>28.359772265400125</v>
          </cell>
          <cell r="AW651">
            <v>28.926967710707913</v>
          </cell>
          <cell r="AX651">
            <v>29.505507064922085</v>
          </cell>
          <cell r="AY651">
            <v>30.095617206220595</v>
          </cell>
        </row>
        <row r="652">
          <cell r="A652" t="str">
            <v>Gra_amm_VP</v>
          </cell>
          <cell r="AS652">
            <v>0</v>
          </cell>
          <cell r="AT652">
            <v>0</v>
          </cell>
          <cell r="AU652">
            <v>0</v>
          </cell>
          <cell r="AV652">
            <v>-7232.4417230700001</v>
          </cell>
          <cell r="AW652">
            <v>7825.212999740088</v>
          </cell>
          <cell r="AX652">
            <v>305.30655259780178</v>
          </cell>
          <cell r="AY652">
            <v>311.41268364975804</v>
          </cell>
        </row>
        <row r="653">
          <cell r="A653" t="str">
            <v>FEX_amm_VP</v>
          </cell>
          <cell r="AS653">
            <v>0</v>
          </cell>
          <cell r="AT653">
            <v>0</v>
          </cell>
          <cell r="AU653">
            <v>0</v>
          </cell>
          <cell r="AV653">
            <v>0</v>
          </cell>
          <cell r="AW653">
            <v>0</v>
          </cell>
          <cell r="AX653">
            <v>0</v>
          </cell>
          <cell r="AY653">
            <v>0</v>
          </cell>
        </row>
        <row r="654">
          <cell r="A654" t="str">
            <v>MCL_amm_VP</v>
          </cell>
          <cell r="AS654">
            <v>0</v>
          </cell>
          <cell r="AT654">
            <v>0</v>
          </cell>
          <cell r="AU654">
            <v>0</v>
          </cell>
          <cell r="AV654">
            <v>0</v>
          </cell>
          <cell r="AW654">
            <v>0</v>
          </cell>
          <cell r="AX654">
            <v>0</v>
          </cell>
          <cell r="AY654">
            <v>0</v>
          </cell>
        </row>
        <row r="655">
          <cell r="A655" t="str">
            <v>MCG_amm_VP</v>
          </cell>
          <cell r="AS655">
            <v>0</v>
          </cell>
          <cell r="AT655">
            <v>0</v>
          </cell>
          <cell r="AU655">
            <v>0</v>
          </cell>
          <cell r="AV655">
            <v>0</v>
          </cell>
          <cell r="AW655">
            <v>0</v>
          </cell>
          <cell r="AX655">
            <v>0</v>
          </cell>
          <cell r="AY655">
            <v>0</v>
          </cell>
        </row>
        <row r="656">
          <cell r="A656" t="str">
            <v>MLE_amm_VP</v>
          </cell>
          <cell r="AS656">
            <v>0</v>
          </cell>
          <cell r="AT656">
            <v>0</v>
          </cell>
          <cell r="AU656">
            <v>0</v>
          </cell>
          <cell r="AV656">
            <v>0</v>
          </cell>
          <cell r="AW656">
            <v>0</v>
          </cell>
          <cell r="AX656">
            <v>0</v>
          </cell>
          <cell r="AY656">
            <v>0</v>
          </cell>
        </row>
        <row r="657">
          <cell r="A657" t="str">
            <v>MFA_amm_VP</v>
          </cell>
          <cell r="AS657">
            <v>0</v>
          </cell>
          <cell r="AT657">
            <v>0</v>
          </cell>
          <cell r="AU657">
            <v>0</v>
          </cell>
          <cell r="AV657">
            <v>0</v>
          </cell>
          <cell r="AW657">
            <v>0</v>
          </cell>
          <cell r="AX657">
            <v>0</v>
          </cell>
          <cell r="AY657">
            <v>0</v>
          </cell>
        </row>
        <row r="658">
          <cell r="A658" t="str">
            <v>MBQ_amm_VP</v>
          </cell>
          <cell r="AS658">
            <v>0</v>
          </cell>
          <cell r="AT658">
            <v>0</v>
          </cell>
          <cell r="AU658">
            <v>0</v>
          </cell>
          <cell r="AV658">
            <v>1.0094600000000042</v>
          </cell>
          <cell r="AW658">
            <v>1.0296492000000015</v>
          </cell>
          <cell r="AX658">
            <v>1.0502421839999982</v>
          </cell>
          <cell r="AY658">
            <v>1.0712470276800019</v>
          </cell>
        </row>
        <row r="659">
          <cell r="A659" t="str">
            <v>MBG_amm_VP</v>
          </cell>
          <cell r="AS659">
            <v>0</v>
          </cell>
          <cell r="AT659">
            <v>0</v>
          </cell>
          <cell r="AU659">
            <v>0</v>
          </cell>
          <cell r="AV659">
            <v>5.0765633199999911</v>
          </cell>
          <cell r="AW659">
            <v>5.1780945863999932</v>
          </cell>
          <cell r="AX659">
            <v>5.2816564781280135</v>
          </cell>
          <cell r="AY659">
            <v>5.3872896076905477</v>
          </cell>
        </row>
        <row r="660">
          <cell r="A660" t="str">
            <v>WID_amm_VP</v>
          </cell>
          <cell r="AS660">
            <v>0</v>
          </cell>
          <cell r="AT660">
            <v>0</v>
          </cell>
          <cell r="AU660">
            <v>0</v>
          </cell>
          <cell r="AV660">
            <v>13.563640240399991</v>
          </cell>
          <cell r="AW660">
            <v>13.834913045208054</v>
          </cell>
          <cell r="AX660">
            <v>14.111611306112195</v>
          </cell>
          <cell r="AY660">
            <v>14.393843532234428</v>
          </cell>
        </row>
        <row r="661">
          <cell r="A661" t="str">
            <v>FIN_amm_VP</v>
          </cell>
          <cell r="AS661">
            <v>0</v>
          </cell>
          <cell r="AT661">
            <v>0</v>
          </cell>
          <cell r="AU661">
            <v>0</v>
          </cell>
          <cell r="AV661">
            <v>0</v>
          </cell>
          <cell r="AW661">
            <v>0</v>
          </cell>
          <cell r="AX661">
            <v>0</v>
          </cell>
          <cell r="AY661">
            <v>0</v>
          </cell>
        </row>
        <row r="662">
          <cell r="A662" t="str">
            <v>ALM_amm_VP</v>
          </cell>
          <cell r="AS662">
            <v>0</v>
          </cell>
          <cell r="AT662">
            <v>0</v>
          </cell>
          <cell r="AU662">
            <v>0</v>
          </cell>
          <cell r="AV662">
            <v>0</v>
          </cell>
          <cell r="AW662">
            <v>0</v>
          </cell>
          <cell r="AX662">
            <v>0</v>
          </cell>
          <cell r="AY662">
            <v>0</v>
          </cell>
        </row>
        <row r="663">
          <cell r="A663" t="str">
            <v>FUO_amm_VP</v>
          </cell>
          <cell r="AS663">
            <v>0</v>
          </cell>
          <cell r="AT663">
            <v>0</v>
          </cell>
          <cell r="AU663">
            <v>0</v>
          </cell>
          <cell r="AV663">
            <v>7.911889999999977E-4</v>
          </cell>
          <cell r="AW663">
            <v>8.0701277999999793E-4</v>
          </cell>
          <cell r="AX663">
            <v>8.2315303560000219E-4</v>
          </cell>
          <cell r="AY663">
            <v>8.396160963120014E-4</v>
          </cell>
        </row>
        <row r="664">
          <cell r="A664" t="str">
            <v>XXX_amm_VP</v>
          </cell>
          <cell r="AS664">
            <v>0</v>
          </cell>
          <cell r="AT664">
            <v>0</v>
          </cell>
          <cell r="AU664">
            <v>0</v>
          </cell>
          <cell r="AV664">
            <v>-2589.5160970374018</v>
          </cell>
          <cell r="AW664">
            <v>-10179.410690215842</v>
          </cell>
          <cell r="AX664">
            <v>-1129.794579065936</v>
          </cell>
          <cell r="AY664">
            <v>-1142.6841756261383</v>
          </cell>
        </row>
        <row r="665">
          <cell r="A665" t="str">
            <v>TOT_amm_VP</v>
          </cell>
          <cell r="AS665">
            <v>0</v>
          </cell>
          <cell r="AT665">
            <v>0</v>
          </cell>
          <cell r="AU665">
            <v>0</v>
          </cell>
          <cell r="AV665">
            <v>-9329.4629273600003</v>
          </cell>
          <cell r="AW665">
            <v>-1851.8528998734037</v>
          </cell>
          <cell r="AX665">
            <v>-312.09634005373664</v>
          </cell>
          <cell r="AY665">
            <v>-308.63197183369994</v>
          </cell>
        </row>
        <row r="666">
          <cell r="A666" t="str">
            <v>Val_govies_VP</v>
          </cell>
          <cell r="AS666">
            <v>0</v>
          </cell>
          <cell r="AT666">
            <v>0</v>
          </cell>
          <cell r="AU666">
            <v>0</v>
          </cell>
          <cell r="AV666">
            <v>11.966230162800002</v>
          </cell>
          <cell r="AW666">
            <v>12.205554766056025</v>
          </cell>
          <cell r="AX666">
            <v>12.449665861377184</v>
          </cell>
          <cell r="AY666">
            <v>12.698659178604657</v>
          </cell>
        </row>
        <row r="667">
          <cell r="A667" t="str">
            <v>Pre_govies_VP</v>
          </cell>
          <cell r="AS667">
            <v>0</v>
          </cell>
          <cell r="AT667">
            <v>0</v>
          </cell>
          <cell r="AU667">
            <v>0</v>
          </cell>
          <cell r="AV667">
            <v>122.74723102339976</v>
          </cell>
          <cell r="AW667">
            <v>125.20217564386803</v>
          </cell>
          <cell r="AX667">
            <v>127.70621915674565</v>
          </cell>
          <cell r="AY667">
            <v>130.26034353988052</v>
          </cell>
        </row>
        <row r="668">
          <cell r="A668" t="str">
            <v>Sma_govies_VP</v>
          </cell>
          <cell r="AS668">
            <v>0</v>
          </cell>
          <cell r="AT668">
            <v>0</v>
          </cell>
          <cell r="AU668">
            <v>0</v>
          </cell>
          <cell r="AV668">
            <v>1.0347025009999982</v>
          </cell>
          <cell r="AW668">
            <v>1.055396551020003</v>
          </cell>
          <cell r="AX668">
            <v>1.0765044820403986</v>
          </cell>
          <cell r="AY668">
            <v>1.098034571681211</v>
          </cell>
        </row>
        <row r="669">
          <cell r="A669" t="str">
            <v>Pri_govies_VP</v>
          </cell>
          <cell r="AS669">
            <v>0</v>
          </cell>
          <cell r="AT669">
            <v>0</v>
          </cell>
          <cell r="AU669">
            <v>0</v>
          </cell>
          <cell r="AV669">
            <v>46.187347607600259</v>
          </cell>
          <cell r="AW669">
            <v>47.111094559752019</v>
          </cell>
          <cell r="AX669">
            <v>48.053316450947023</v>
          </cell>
          <cell r="AY669">
            <v>49.014382779966127</v>
          </cell>
        </row>
        <row r="670">
          <cell r="A670" t="str">
            <v>Fam_govies_VP</v>
          </cell>
          <cell r="AS670">
            <v>0</v>
          </cell>
          <cell r="AT670">
            <v>0</v>
          </cell>
          <cell r="AU670">
            <v>0</v>
          </cell>
          <cell r="AV670">
            <v>5.5430451180000091</v>
          </cell>
          <cell r="AW670">
            <v>5.6539060203600116</v>
          </cell>
          <cell r="AX670">
            <v>5.7669841407671925</v>
          </cell>
          <cell r="AY670">
            <v>5.882323823582567</v>
          </cell>
        </row>
        <row r="671">
          <cell r="A671" t="str">
            <v>PMI_govies_VP</v>
          </cell>
          <cell r="AS671">
            <v>0</v>
          </cell>
          <cell r="AT671">
            <v>0</v>
          </cell>
          <cell r="AU671">
            <v>0</v>
          </cell>
          <cell r="AV671">
            <v>0</v>
          </cell>
          <cell r="AW671">
            <v>0</v>
          </cell>
          <cell r="AX671">
            <v>0</v>
          </cell>
          <cell r="AY671">
            <v>0</v>
          </cell>
        </row>
        <row r="672">
          <cell r="A672" t="str">
            <v>ENT_govies_VP</v>
          </cell>
          <cell r="AS672">
            <v>0</v>
          </cell>
          <cell r="AT672">
            <v>0</v>
          </cell>
          <cell r="AU672">
            <v>0</v>
          </cell>
          <cell r="AV672">
            <v>15.490950988400073</v>
          </cell>
          <cell r="AW672">
            <v>15.800770008168001</v>
          </cell>
          <cell r="AX672">
            <v>16.116785408331339</v>
          </cell>
          <cell r="AY672">
            <v>16.439121116497972</v>
          </cell>
        </row>
        <row r="673">
          <cell r="A673" t="str">
            <v>Cor_govies_VP</v>
          </cell>
          <cell r="AS673">
            <v>0</v>
          </cell>
          <cell r="AT673">
            <v>0</v>
          </cell>
          <cell r="AU673">
            <v>0</v>
          </cell>
          <cell r="AV673">
            <v>1.2803680234000012</v>
          </cell>
          <cell r="AW673">
            <v>1.3059753838680024</v>
          </cell>
          <cell r="AX673">
            <v>1.332094891545367</v>
          </cell>
          <cell r="AY673">
            <v>1.3587367893762661</v>
          </cell>
        </row>
        <row r="674">
          <cell r="A674" t="str">
            <v>Gra_govies_VP</v>
          </cell>
          <cell r="AS674">
            <v>0</v>
          </cell>
          <cell r="AT674">
            <v>0</v>
          </cell>
          <cell r="AU674">
            <v>0</v>
          </cell>
          <cell r="AV674">
            <v>20.952408503600054</v>
          </cell>
          <cell r="AW674">
            <v>21.371456673672128</v>
          </cell>
          <cell r="AX674">
            <v>21.798885807145552</v>
          </cell>
          <cell r="AY674">
            <v>22.234863523288368</v>
          </cell>
        </row>
        <row r="675">
          <cell r="A675" t="str">
            <v>FEX_govies_VP</v>
          </cell>
          <cell r="AS675">
            <v>0</v>
          </cell>
          <cell r="AT675">
            <v>0</v>
          </cell>
          <cell r="AU675">
            <v>0</v>
          </cell>
          <cell r="AV675">
            <v>0</v>
          </cell>
          <cell r="AW675">
            <v>0</v>
          </cell>
          <cell r="AX675">
            <v>0</v>
          </cell>
          <cell r="AY675">
            <v>0</v>
          </cell>
        </row>
        <row r="676">
          <cell r="A676" t="str">
            <v>MCL_govies_VP</v>
          </cell>
          <cell r="AS676">
            <v>0</v>
          </cell>
          <cell r="AT676">
            <v>0</v>
          </cell>
          <cell r="AU676">
            <v>0</v>
          </cell>
          <cell r="AV676">
            <v>0</v>
          </cell>
          <cell r="AW676">
            <v>0</v>
          </cell>
          <cell r="AX676">
            <v>0</v>
          </cell>
          <cell r="AY676">
            <v>0</v>
          </cell>
        </row>
        <row r="677">
          <cell r="A677" t="str">
            <v>MCG_govies_VP</v>
          </cell>
          <cell r="AS677">
            <v>0</v>
          </cell>
          <cell r="AT677">
            <v>0</v>
          </cell>
          <cell r="AU677">
            <v>0</v>
          </cell>
          <cell r="AV677">
            <v>0</v>
          </cell>
          <cell r="AW677">
            <v>0</v>
          </cell>
          <cell r="AX677">
            <v>0</v>
          </cell>
          <cell r="AY677">
            <v>0</v>
          </cell>
        </row>
        <row r="678">
          <cell r="A678" t="str">
            <v>MLE_govies_VP</v>
          </cell>
          <cell r="AS678">
            <v>0</v>
          </cell>
          <cell r="AT678">
            <v>0</v>
          </cell>
          <cell r="AU678">
            <v>0</v>
          </cell>
          <cell r="AV678">
            <v>0</v>
          </cell>
          <cell r="AW678">
            <v>0</v>
          </cell>
          <cell r="AX678">
            <v>0</v>
          </cell>
          <cell r="AY678">
            <v>0</v>
          </cell>
        </row>
        <row r="679">
          <cell r="A679" t="str">
            <v>MFA_govies_VP</v>
          </cell>
          <cell r="AS679">
            <v>0</v>
          </cell>
          <cell r="AT679">
            <v>0</v>
          </cell>
          <cell r="AU679">
            <v>0</v>
          </cell>
          <cell r="AV679">
            <v>0</v>
          </cell>
          <cell r="AW679">
            <v>0</v>
          </cell>
          <cell r="AX679">
            <v>0</v>
          </cell>
          <cell r="AY679">
            <v>0</v>
          </cell>
        </row>
        <row r="680">
          <cell r="A680" t="str">
            <v>MBQ_govies_VP</v>
          </cell>
          <cell r="AS680">
            <v>0</v>
          </cell>
          <cell r="AT680">
            <v>0</v>
          </cell>
          <cell r="AU680">
            <v>0</v>
          </cell>
          <cell r="AV680">
            <v>0</v>
          </cell>
          <cell r="AW680">
            <v>0</v>
          </cell>
          <cell r="AX680">
            <v>0</v>
          </cell>
          <cell r="AY680">
            <v>0</v>
          </cell>
        </row>
        <row r="681">
          <cell r="A681" t="str">
            <v>MBG_govies_VP</v>
          </cell>
          <cell r="AS681">
            <v>0</v>
          </cell>
          <cell r="AT681">
            <v>0</v>
          </cell>
          <cell r="AU681">
            <v>0</v>
          </cell>
          <cell r="AV681">
            <v>0</v>
          </cell>
          <cell r="AW681">
            <v>0</v>
          </cell>
          <cell r="AX681">
            <v>0</v>
          </cell>
          <cell r="AY681">
            <v>0</v>
          </cell>
        </row>
        <row r="682">
          <cell r="A682" t="str">
            <v>WID_govies_VP</v>
          </cell>
          <cell r="AS682">
            <v>0</v>
          </cell>
          <cell r="AT682">
            <v>0</v>
          </cell>
          <cell r="AU682">
            <v>0</v>
          </cell>
          <cell r="AV682">
            <v>13.563640240399991</v>
          </cell>
          <cell r="AW682">
            <v>13.834913045208054</v>
          </cell>
          <cell r="AX682">
            <v>14.111611306112195</v>
          </cell>
          <cell r="AY682">
            <v>14.393843532234428</v>
          </cell>
        </row>
        <row r="683">
          <cell r="A683" t="str">
            <v>FIN_govies_VP</v>
          </cell>
          <cell r="AS683">
            <v>0</v>
          </cell>
          <cell r="AT683">
            <v>0</v>
          </cell>
          <cell r="AU683">
            <v>0</v>
          </cell>
          <cell r="AV683">
            <v>0</v>
          </cell>
          <cell r="AW683">
            <v>0</v>
          </cell>
          <cell r="AX683">
            <v>0</v>
          </cell>
          <cell r="AY683">
            <v>0</v>
          </cell>
        </row>
        <row r="684">
          <cell r="A684" t="str">
            <v>ALM_govies_VP</v>
          </cell>
          <cell r="AS684">
            <v>0</v>
          </cell>
          <cell r="AT684">
            <v>0</v>
          </cell>
          <cell r="AU684">
            <v>0</v>
          </cell>
          <cell r="AV684">
            <v>0</v>
          </cell>
          <cell r="AW684">
            <v>0</v>
          </cell>
          <cell r="AX684">
            <v>0</v>
          </cell>
          <cell r="AY684">
            <v>0</v>
          </cell>
        </row>
        <row r="685">
          <cell r="A685" t="str">
            <v>FUO_govies_VP</v>
          </cell>
          <cell r="AS685">
            <v>0</v>
          </cell>
          <cell r="AT685">
            <v>0</v>
          </cell>
          <cell r="AU685">
            <v>0</v>
          </cell>
          <cell r="AV685">
            <v>7.9015999999999809E-4</v>
          </cell>
          <cell r="AW685">
            <v>8.0596320000000249E-4</v>
          </cell>
          <cell r="AX685">
            <v>8.220824639999999E-4</v>
          </cell>
          <cell r="AY685">
            <v>8.3852411328000365E-4</v>
          </cell>
        </row>
        <row r="686">
          <cell r="A686" t="str">
            <v>XXX_govies_VP</v>
          </cell>
          <cell r="AS686">
            <v>0</v>
          </cell>
          <cell r="AT686">
            <v>0</v>
          </cell>
          <cell r="AU686">
            <v>0</v>
          </cell>
          <cell r="AV686">
            <v>-711.25633364859459</v>
          </cell>
          <cell r="AW686">
            <v>711.25633364859459</v>
          </cell>
          <cell r="AX686">
            <v>0</v>
          </cell>
          <cell r="AY686">
            <v>0</v>
          </cell>
        </row>
        <row r="687">
          <cell r="A687" t="str">
            <v>TOT_govies_VP</v>
          </cell>
          <cell r="AS687">
            <v>0</v>
          </cell>
          <cell r="AT687">
            <v>0</v>
          </cell>
          <cell r="AU687">
            <v>0</v>
          </cell>
          <cell r="AV687">
            <v>-472.48961931999656</v>
          </cell>
          <cell r="AW687">
            <v>954.79838226376705</v>
          </cell>
          <cell r="AX687">
            <v>248.41288958747646</v>
          </cell>
          <cell r="AY687">
            <v>253.38114737922479</v>
          </cell>
        </row>
        <row r="688">
          <cell r="A688" t="str">
            <v>Val_equity_VP</v>
          </cell>
          <cell r="AS688">
            <v>0</v>
          </cell>
          <cell r="AT688">
            <v>0</v>
          </cell>
          <cell r="AU688">
            <v>0</v>
          </cell>
          <cell r="AV688">
            <v>-578.58909437</v>
          </cell>
          <cell r="AW688">
            <v>0</v>
          </cell>
          <cell r="AX688">
            <v>0</v>
          </cell>
          <cell r="AY688">
            <v>0</v>
          </cell>
        </row>
        <row r="689">
          <cell r="A689" t="str">
            <v>Pre_equity_VP</v>
          </cell>
          <cell r="AS689">
            <v>0</v>
          </cell>
          <cell r="AT689">
            <v>0</v>
          </cell>
          <cell r="AU689">
            <v>0</v>
          </cell>
          <cell r="AV689">
            <v>-1858.5034139900001</v>
          </cell>
          <cell r="AW689">
            <v>0</v>
          </cell>
          <cell r="AX689">
            <v>0</v>
          </cell>
          <cell r="AY689">
            <v>0</v>
          </cell>
        </row>
        <row r="690">
          <cell r="A690" t="str">
            <v>Sma_equity_VP</v>
          </cell>
          <cell r="AS690">
            <v>0</v>
          </cell>
          <cell r="AT690">
            <v>0</v>
          </cell>
          <cell r="AU690">
            <v>0</v>
          </cell>
          <cell r="AV690">
            <v>-164.95113531000001</v>
          </cell>
          <cell r="AW690">
            <v>0</v>
          </cell>
          <cell r="AX690">
            <v>0</v>
          </cell>
          <cell r="AY690">
            <v>0</v>
          </cell>
        </row>
        <row r="691">
          <cell r="A691" t="str">
            <v>Pri_equity_VP</v>
          </cell>
          <cell r="AS691">
            <v>0</v>
          </cell>
          <cell r="AT691">
            <v>0</v>
          </cell>
          <cell r="AU691">
            <v>0</v>
          </cell>
          <cell r="AV691">
            <v>-1487.8916473000002</v>
          </cell>
          <cell r="AW691">
            <v>0</v>
          </cell>
          <cell r="AX691">
            <v>0</v>
          </cell>
          <cell r="AY691">
            <v>0</v>
          </cell>
        </row>
        <row r="692">
          <cell r="A692" t="str">
            <v>Fam_equity_VP</v>
          </cell>
          <cell r="AS692">
            <v>0</v>
          </cell>
          <cell r="AT692">
            <v>0</v>
          </cell>
          <cell r="AU692">
            <v>0</v>
          </cell>
          <cell r="AV692">
            <v>-142.82451112999999</v>
          </cell>
          <cell r="AW692">
            <v>0</v>
          </cell>
          <cell r="AX692">
            <v>0</v>
          </cell>
          <cell r="AY692">
            <v>0</v>
          </cell>
        </row>
        <row r="693">
          <cell r="A693" t="str">
            <v>PMI_equity_VP</v>
          </cell>
          <cell r="AS693">
            <v>0</v>
          </cell>
          <cell r="AT693">
            <v>0</v>
          </cell>
          <cell r="AU693">
            <v>0</v>
          </cell>
          <cell r="AV693">
            <v>0</v>
          </cell>
          <cell r="AW693">
            <v>0</v>
          </cell>
          <cell r="AX693">
            <v>0</v>
          </cell>
          <cell r="AY693">
            <v>0</v>
          </cell>
        </row>
        <row r="694">
          <cell r="A694" t="str">
            <v>ENT_equity_VP</v>
          </cell>
          <cell r="AS694">
            <v>0</v>
          </cell>
          <cell r="AT694">
            <v>0</v>
          </cell>
          <cell r="AU694">
            <v>0</v>
          </cell>
          <cell r="AV694">
            <v>-433.97674907999999</v>
          </cell>
          <cell r="AW694">
            <v>0</v>
          </cell>
          <cell r="AX694">
            <v>0</v>
          </cell>
          <cell r="AY694">
            <v>0</v>
          </cell>
        </row>
        <row r="695">
          <cell r="A695" t="str">
            <v>Cor_equity_VP</v>
          </cell>
          <cell r="AS695">
            <v>0</v>
          </cell>
          <cell r="AT695">
            <v>0</v>
          </cell>
          <cell r="AU695">
            <v>0</v>
          </cell>
          <cell r="AV695">
            <v>-1267.4965561500001</v>
          </cell>
          <cell r="AW695">
            <v>0</v>
          </cell>
          <cell r="AX695">
            <v>0</v>
          </cell>
          <cell r="AY695">
            <v>0</v>
          </cell>
        </row>
        <row r="696">
          <cell r="A696" t="str">
            <v>Gra_equity_VP</v>
          </cell>
          <cell r="AS696">
            <v>0</v>
          </cell>
          <cell r="AT696">
            <v>0</v>
          </cell>
          <cell r="AU696">
            <v>0</v>
          </cell>
          <cell r="AV696">
            <v>-13186.151222370001</v>
          </cell>
          <cell r="AW696">
            <v>0</v>
          </cell>
          <cell r="AX696">
            <v>0</v>
          </cell>
          <cell r="AY696">
            <v>0</v>
          </cell>
        </row>
        <row r="697">
          <cell r="A697" t="str">
            <v>FEX_equity_VP</v>
          </cell>
          <cell r="AS697">
            <v>0</v>
          </cell>
          <cell r="AT697">
            <v>0</v>
          </cell>
          <cell r="AU697">
            <v>0</v>
          </cell>
          <cell r="AV697">
            <v>0</v>
          </cell>
          <cell r="AW697">
            <v>0</v>
          </cell>
          <cell r="AX697">
            <v>0</v>
          </cell>
          <cell r="AY697">
            <v>0</v>
          </cell>
        </row>
        <row r="698">
          <cell r="A698" t="str">
            <v>MCL_equity_VP</v>
          </cell>
          <cell r="AS698">
            <v>0</v>
          </cell>
          <cell r="AT698">
            <v>0</v>
          </cell>
          <cell r="AU698">
            <v>0</v>
          </cell>
          <cell r="AV698">
            <v>0</v>
          </cell>
          <cell r="AW698">
            <v>0</v>
          </cell>
          <cell r="AX698">
            <v>0</v>
          </cell>
          <cell r="AY698">
            <v>0</v>
          </cell>
        </row>
        <row r="699">
          <cell r="A699" t="str">
            <v>MCG_equity_VP</v>
          </cell>
          <cell r="AS699">
            <v>0</v>
          </cell>
          <cell r="AT699">
            <v>0</v>
          </cell>
          <cell r="AU699">
            <v>0</v>
          </cell>
          <cell r="AV699">
            <v>0</v>
          </cell>
          <cell r="AW699">
            <v>0</v>
          </cell>
          <cell r="AX699">
            <v>0</v>
          </cell>
          <cell r="AY699">
            <v>0</v>
          </cell>
        </row>
        <row r="700">
          <cell r="A700" t="str">
            <v>MLE_equity_VP</v>
          </cell>
          <cell r="AS700">
            <v>0</v>
          </cell>
          <cell r="AT700">
            <v>0</v>
          </cell>
          <cell r="AU700">
            <v>0</v>
          </cell>
          <cell r="AV700">
            <v>0</v>
          </cell>
          <cell r="AW700">
            <v>0</v>
          </cell>
          <cell r="AX700">
            <v>0</v>
          </cell>
          <cell r="AY700">
            <v>0</v>
          </cell>
        </row>
        <row r="701">
          <cell r="A701" t="str">
            <v>MFA_equity_VP</v>
          </cell>
          <cell r="AS701">
            <v>0</v>
          </cell>
          <cell r="AT701">
            <v>0</v>
          </cell>
          <cell r="AU701">
            <v>0</v>
          </cell>
          <cell r="AV701">
            <v>0</v>
          </cell>
          <cell r="AW701">
            <v>0</v>
          </cell>
          <cell r="AX701">
            <v>0</v>
          </cell>
          <cell r="AY701">
            <v>0</v>
          </cell>
        </row>
        <row r="702">
          <cell r="A702" t="str">
            <v>MBQ_equity_VP</v>
          </cell>
          <cell r="AS702">
            <v>0</v>
          </cell>
          <cell r="AT702">
            <v>0</v>
          </cell>
          <cell r="AU702">
            <v>0</v>
          </cell>
          <cell r="AV702">
            <v>-50.472999999999999</v>
          </cell>
          <cell r="AW702">
            <v>0</v>
          </cell>
          <cell r="AX702">
            <v>0</v>
          </cell>
          <cell r="AY702">
            <v>0</v>
          </cell>
        </row>
        <row r="703">
          <cell r="A703" t="str">
            <v>MBG_equity_VP</v>
          </cell>
          <cell r="AS703">
            <v>0</v>
          </cell>
          <cell r="AT703">
            <v>0</v>
          </cell>
          <cell r="AU703">
            <v>0</v>
          </cell>
          <cell r="AV703">
            <v>0</v>
          </cell>
          <cell r="AW703">
            <v>0</v>
          </cell>
          <cell r="AX703">
            <v>0</v>
          </cell>
          <cell r="AY703">
            <v>0</v>
          </cell>
        </row>
        <row r="704">
          <cell r="A704" t="str">
            <v>WID_equity_VP</v>
          </cell>
          <cell r="AS704">
            <v>0</v>
          </cell>
          <cell r="AT704">
            <v>0</v>
          </cell>
          <cell r="AU704">
            <v>0</v>
          </cell>
          <cell r="AV704">
            <v>0</v>
          </cell>
          <cell r="AW704">
            <v>0</v>
          </cell>
          <cell r="AX704">
            <v>0</v>
          </cell>
          <cell r="AY704">
            <v>0</v>
          </cell>
        </row>
        <row r="705">
          <cell r="A705" t="str">
            <v>FIN_equity_VP</v>
          </cell>
          <cell r="AS705">
            <v>0</v>
          </cell>
          <cell r="AT705">
            <v>0</v>
          </cell>
          <cell r="AU705">
            <v>0</v>
          </cell>
          <cell r="AV705">
            <v>0</v>
          </cell>
          <cell r="AW705">
            <v>0</v>
          </cell>
          <cell r="AX705">
            <v>0</v>
          </cell>
          <cell r="AY705">
            <v>0</v>
          </cell>
        </row>
        <row r="706">
          <cell r="A706" t="str">
            <v>ALM_equity_VP</v>
          </cell>
          <cell r="AS706">
            <v>0</v>
          </cell>
          <cell r="AT706">
            <v>0</v>
          </cell>
          <cell r="AU706">
            <v>0</v>
          </cell>
          <cell r="AV706">
            <v>0</v>
          </cell>
          <cell r="AW706">
            <v>0</v>
          </cell>
          <cell r="AX706">
            <v>0</v>
          </cell>
          <cell r="AY706">
            <v>0</v>
          </cell>
        </row>
        <row r="707">
          <cell r="A707" t="str">
            <v>FUO_equity_VP</v>
          </cell>
          <cell r="AS707">
            <v>0</v>
          </cell>
          <cell r="AT707">
            <v>0</v>
          </cell>
          <cell r="AU707">
            <v>0</v>
          </cell>
          <cell r="AV707">
            <v>-5.1450000000000004E-5</v>
          </cell>
          <cell r="AW707">
            <v>0</v>
          </cell>
          <cell r="AX707">
            <v>0</v>
          </cell>
          <cell r="AY707">
            <v>0</v>
          </cell>
        </row>
        <row r="708">
          <cell r="A708" t="str">
            <v>XXX_equity_VP</v>
          </cell>
          <cell r="AS708">
            <v>0</v>
          </cell>
          <cell r="AT708">
            <v>0</v>
          </cell>
          <cell r="AU708">
            <v>0</v>
          </cell>
          <cell r="AV708">
            <v>0</v>
          </cell>
          <cell r="AW708">
            <v>0</v>
          </cell>
          <cell r="AX708">
            <v>0</v>
          </cell>
          <cell r="AY708">
            <v>0</v>
          </cell>
        </row>
        <row r="709">
          <cell r="A709" t="str">
            <v>TOT_equity_VP</v>
          </cell>
          <cell r="AS709">
            <v>0</v>
          </cell>
          <cell r="AT709">
            <v>0</v>
          </cell>
          <cell r="AU709">
            <v>0</v>
          </cell>
          <cell r="AV709">
            <v>-19170.857381150003</v>
          </cell>
          <cell r="AW709">
            <v>0</v>
          </cell>
          <cell r="AX709">
            <v>0</v>
          </cell>
          <cell r="AY709">
            <v>0</v>
          </cell>
        </row>
        <row r="710">
          <cell r="A710" t="str">
            <v>Val_obl_mer_VP</v>
          </cell>
          <cell r="AS710">
            <v>0</v>
          </cell>
          <cell r="AT710">
            <v>0</v>
          </cell>
          <cell r="AU710">
            <v>0</v>
          </cell>
          <cell r="AV710">
            <v>-362.72234011</v>
          </cell>
          <cell r="AW710">
            <v>0</v>
          </cell>
          <cell r="AX710">
            <v>0</v>
          </cell>
          <cell r="AY710">
            <v>0</v>
          </cell>
        </row>
        <row r="711">
          <cell r="A711" t="str">
            <v>Pre_obl_mer_VP</v>
          </cell>
          <cell r="AS711">
            <v>0</v>
          </cell>
          <cell r="AT711">
            <v>0</v>
          </cell>
          <cell r="AU711">
            <v>0</v>
          </cell>
          <cell r="AV711">
            <v>-1906.8299975999998</v>
          </cell>
          <cell r="AW711">
            <v>0</v>
          </cell>
          <cell r="AX711">
            <v>0</v>
          </cell>
          <cell r="AY711">
            <v>0</v>
          </cell>
        </row>
        <row r="712">
          <cell r="A712" t="str">
            <v>Sma_obl_mer_VP</v>
          </cell>
          <cell r="AS712">
            <v>0</v>
          </cell>
          <cell r="AT712">
            <v>0</v>
          </cell>
          <cell r="AU712">
            <v>0</v>
          </cell>
          <cell r="AV712">
            <v>-59.017197510000003</v>
          </cell>
          <cell r="AW712">
            <v>0</v>
          </cell>
          <cell r="AX712">
            <v>0</v>
          </cell>
          <cell r="AY712">
            <v>0</v>
          </cell>
        </row>
        <row r="713">
          <cell r="A713" t="str">
            <v>Pri_obl_mer_VP</v>
          </cell>
          <cell r="AS713">
            <v>0</v>
          </cell>
          <cell r="AT713">
            <v>0</v>
          </cell>
          <cell r="AU713">
            <v>0</v>
          </cell>
          <cell r="AV713">
            <v>-1440.8922413499999</v>
          </cell>
          <cell r="AW713">
            <v>0</v>
          </cell>
          <cell r="AX713">
            <v>0</v>
          </cell>
          <cell r="AY713">
            <v>0</v>
          </cell>
        </row>
        <row r="714">
          <cell r="A714" t="str">
            <v>Fam_obl_mer_VP</v>
          </cell>
          <cell r="AS714">
            <v>0</v>
          </cell>
          <cell r="AT714">
            <v>0</v>
          </cell>
          <cell r="AU714">
            <v>0</v>
          </cell>
          <cell r="AV714">
            <v>-344.32690298999995</v>
          </cell>
          <cell r="AW714">
            <v>0</v>
          </cell>
          <cell r="AX714">
            <v>0</v>
          </cell>
          <cell r="AY714">
            <v>0</v>
          </cell>
        </row>
        <row r="715">
          <cell r="A715" t="str">
            <v>PMI_obl_mer_VP</v>
          </cell>
          <cell r="AS715">
            <v>0</v>
          </cell>
          <cell r="AT715">
            <v>0</v>
          </cell>
          <cell r="AU715">
            <v>0</v>
          </cell>
          <cell r="AV715">
            <v>0</v>
          </cell>
          <cell r="AW715">
            <v>0</v>
          </cell>
          <cell r="AX715">
            <v>0</v>
          </cell>
          <cell r="AY715">
            <v>0</v>
          </cell>
        </row>
        <row r="716">
          <cell r="A716" t="str">
            <v>ENT_obl_mer_VP</v>
          </cell>
          <cell r="AS716">
            <v>0</v>
          </cell>
          <cell r="AT716">
            <v>0</v>
          </cell>
          <cell r="AU716">
            <v>0</v>
          </cell>
          <cell r="AV716">
            <v>-303.45854872999996</v>
          </cell>
          <cell r="AW716">
            <v>0</v>
          </cell>
          <cell r="AX716">
            <v>0</v>
          </cell>
          <cell r="AY716">
            <v>0</v>
          </cell>
        </row>
        <row r="717">
          <cell r="A717" t="str">
            <v>Cor_obl_mer_VP</v>
          </cell>
          <cell r="AS717">
            <v>0</v>
          </cell>
          <cell r="AT717">
            <v>0</v>
          </cell>
          <cell r="AU717">
            <v>0</v>
          </cell>
          <cell r="AV717">
            <v>0</v>
          </cell>
          <cell r="AW717">
            <v>0</v>
          </cell>
          <cell r="AX717">
            <v>0</v>
          </cell>
          <cell r="AY717">
            <v>0</v>
          </cell>
        </row>
        <row r="718">
          <cell r="A718" t="str">
            <v>Gra_obl_mer_VP</v>
          </cell>
          <cell r="AS718">
            <v>0</v>
          </cell>
          <cell r="AT718">
            <v>0</v>
          </cell>
          <cell r="AU718">
            <v>0</v>
          </cell>
          <cell r="AV718">
            <v>-438.78470566999999</v>
          </cell>
          <cell r="AW718">
            <v>0</v>
          </cell>
          <cell r="AX718">
            <v>0</v>
          </cell>
          <cell r="AY718">
            <v>0</v>
          </cell>
        </row>
        <row r="719">
          <cell r="A719" t="str">
            <v>FEX_obl_mer_VP</v>
          </cell>
          <cell r="AS719">
            <v>0</v>
          </cell>
          <cell r="AT719">
            <v>0</v>
          </cell>
          <cell r="AU719">
            <v>0</v>
          </cell>
          <cell r="AV719">
            <v>0</v>
          </cell>
          <cell r="AW719">
            <v>0</v>
          </cell>
          <cell r="AX719">
            <v>0</v>
          </cell>
          <cell r="AY719">
            <v>0</v>
          </cell>
        </row>
        <row r="720">
          <cell r="A720" t="str">
            <v>MCL_obl_mer_VP</v>
          </cell>
          <cell r="AS720">
            <v>0</v>
          </cell>
          <cell r="AT720">
            <v>0</v>
          </cell>
          <cell r="AU720">
            <v>0</v>
          </cell>
          <cell r="AV720">
            <v>0</v>
          </cell>
          <cell r="AW720">
            <v>0</v>
          </cell>
          <cell r="AX720">
            <v>0</v>
          </cell>
          <cell r="AY720">
            <v>0</v>
          </cell>
        </row>
        <row r="721">
          <cell r="A721" t="str">
            <v>MCG_obl_mer_VP</v>
          </cell>
          <cell r="AS721">
            <v>0</v>
          </cell>
          <cell r="AT721">
            <v>0</v>
          </cell>
          <cell r="AU721">
            <v>0</v>
          </cell>
          <cell r="AV721">
            <v>0</v>
          </cell>
          <cell r="AW721">
            <v>0</v>
          </cell>
          <cell r="AX721">
            <v>0</v>
          </cell>
          <cell r="AY721">
            <v>0</v>
          </cell>
        </row>
        <row r="722">
          <cell r="A722" t="str">
            <v>MLE_obl_mer_VP</v>
          </cell>
          <cell r="AS722">
            <v>0</v>
          </cell>
          <cell r="AT722">
            <v>0</v>
          </cell>
          <cell r="AU722">
            <v>0</v>
          </cell>
          <cell r="AV722">
            <v>0</v>
          </cell>
          <cell r="AW722">
            <v>0</v>
          </cell>
          <cell r="AX722">
            <v>0</v>
          </cell>
          <cell r="AY722">
            <v>0</v>
          </cell>
        </row>
        <row r="723">
          <cell r="A723" t="str">
            <v>MFA_obl_mer_VP</v>
          </cell>
          <cell r="AS723">
            <v>0</v>
          </cell>
          <cell r="AT723">
            <v>0</v>
          </cell>
          <cell r="AU723">
            <v>0</v>
          </cell>
          <cell r="AV723">
            <v>0</v>
          </cell>
          <cell r="AW723">
            <v>0</v>
          </cell>
          <cell r="AX723">
            <v>0</v>
          </cell>
          <cell r="AY723">
            <v>0</v>
          </cell>
        </row>
        <row r="724">
          <cell r="A724" t="str">
            <v>MBQ_obl_mer_VP</v>
          </cell>
          <cell r="AS724">
            <v>0</v>
          </cell>
          <cell r="AT724">
            <v>0</v>
          </cell>
          <cell r="AU724">
            <v>0</v>
          </cell>
          <cell r="AV724">
            <v>0</v>
          </cell>
          <cell r="AW724">
            <v>0</v>
          </cell>
          <cell r="AX724">
            <v>0</v>
          </cell>
          <cell r="AY724">
            <v>0</v>
          </cell>
        </row>
        <row r="725">
          <cell r="A725" t="str">
            <v>MBG_obl_mer_VP</v>
          </cell>
          <cell r="AS725">
            <v>0</v>
          </cell>
          <cell r="AT725">
            <v>0</v>
          </cell>
          <cell r="AU725">
            <v>0</v>
          </cell>
          <cell r="AV725">
            <v>0</v>
          </cell>
          <cell r="AW725">
            <v>0</v>
          </cell>
          <cell r="AX725">
            <v>0</v>
          </cell>
          <cell r="AY725">
            <v>0</v>
          </cell>
        </row>
        <row r="726">
          <cell r="A726" t="str">
            <v>WID_obl_mer_VP</v>
          </cell>
          <cell r="AS726">
            <v>0</v>
          </cell>
          <cell r="AT726">
            <v>0</v>
          </cell>
          <cell r="AU726">
            <v>0</v>
          </cell>
          <cell r="AV726">
            <v>0</v>
          </cell>
          <cell r="AW726">
            <v>0</v>
          </cell>
          <cell r="AX726">
            <v>0</v>
          </cell>
          <cell r="AY726">
            <v>0</v>
          </cell>
        </row>
        <row r="727">
          <cell r="A727" t="str">
            <v>FIN_obl_mer_VP</v>
          </cell>
          <cell r="AS727">
            <v>0</v>
          </cell>
          <cell r="AT727">
            <v>0</v>
          </cell>
          <cell r="AU727">
            <v>0</v>
          </cell>
          <cell r="AV727">
            <v>0</v>
          </cell>
          <cell r="AW727">
            <v>0</v>
          </cell>
          <cell r="AX727">
            <v>0</v>
          </cell>
          <cell r="AY727">
            <v>0</v>
          </cell>
        </row>
        <row r="728">
          <cell r="A728" t="str">
            <v>ALM_obl_mer_VP</v>
          </cell>
          <cell r="AS728">
            <v>0</v>
          </cell>
          <cell r="AT728">
            <v>0</v>
          </cell>
          <cell r="AU728">
            <v>0</v>
          </cell>
          <cell r="AV728">
            <v>0</v>
          </cell>
          <cell r="AW728">
            <v>0</v>
          </cell>
          <cell r="AX728">
            <v>0</v>
          </cell>
          <cell r="AY728">
            <v>0</v>
          </cell>
        </row>
        <row r="729">
          <cell r="A729" t="str">
            <v>FUO_obl_mer_VP</v>
          </cell>
          <cell r="AS729">
            <v>0</v>
          </cell>
          <cell r="AT729">
            <v>0</v>
          </cell>
          <cell r="AU729">
            <v>0</v>
          </cell>
          <cell r="AV729">
            <v>0</v>
          </cell>
          <cell r="AW729">
            <v>0</v>
          </cell>
          <cell r="AX729">
            <v>0</v>
          </cell>
          <cell r="AY729">
            <v>0</v>
          </cell>
        </row>
        <row r="730">
          <cell r="A730" t="str">
            <v>XXX_obl_mer_VP</v>
          </cell>
          <cell r="AS730">
            <v>0</v>
          </cell>
          <cell r="AT730">
            <v>0</v>
          </cell>
          <cell r="AU730">
            <v>0</v>
          </cell>
          <cell r="AV730">
            <v>0</v>
          </cell>
          <cell r="AW730">
            <v>0</v>
          </cell>
          <cell r="AX730">
            <v>0</v>
          </cell>
          <cell r="AY730">
            <v>0</v>
          </cell>
        </row>
        <row r="731">
          <cell r="A731" t="str">
            <v>TOT_obl_mer_VP</v>
          </cell>
          <cell r="AS731">
            <v>0</v>
          </cell>
          <cell r="AT731">
            <v>0</v>
          </cell>
          <cell r="AU731">
            <v>0</v>
          </cell>
          <cell r="AV731">
            <v>-4856.0319339600001</v>
          </cell>
          <cell r="AW731">
            <v>0</v>
          </cell>
          <cell r="AX731">
            <v>0</v>
          </cell>
          <cell r="AY731">
            <v>0</v>
          </cell>
        </row>
        <row r="732">
          <cell r="A732" t="str">
            <v>Val_carta_terzi_VP</v>
          </cell>
          <cell r="AS732">
            <v>0</v>
          </cell>
          <cell r="AT732">
            <v>0</v>
          </cell>
          <cell r="AU732">
            <v>0</v>
          </cell>
          <cell r="AV732">
            <v>6.0197346134000327</v>
          </cell>
          <cell r="AW732">
            <v>6.1401293056679833</v>
          </cell>
          <cell r="AX732">
            <v>6.2629318917813634</v>
          </cell>
          <cell r="AY732">
            <v>6.3881905296170203</v>
          </cell>
        </row>
        <row r="733">
          <cell r="A733" t="str">
            <v>Pre_carta_terzi_VP</v>
          </cell>
          <cell r="AS733">
            <v>0</v>
          </cell>
          <cell r="AT733">
            <v>0</v>
          </cell>
          <cell r="AU733">
            <v>0</v>
          </cell>
          <cell r="AV733">
            <v>32.275128966000011</v>
          </cell>
          <cell r="AW733">
            <v>32.92063154532002</v>
          </cell>
          <cell r="AX733">
            <v>33.579044176226489</v>
          </cell>
          <cell r="AY733">
            <v>34.250625059750973</v>
          </cell>
        </row>
        <row r="734">
          <cell r="A734" t="str">
            <v>Sma_carta_terzi_VP</v>
          </cell>
          <cell r="AS734">
            <v>0</v>
          </cell>
          <cell r="AT734">
            <v>0</v>
          </cell>
          <cell r="AU734">
            <v>0</v>
          </cell>
          <cell r="AV734">
            <v>0.84137474719999972</v>
          </cell>
          <cell r="AW734">
            <v>0.85820224214400298</v>
          </cell>
          <cell r="AX734">
            <v>0.8753662869868819</v>
          </cell>
          <cell r="AY734">
            <v>0.89287361272661769</v>
          </cell>
        </row>
        <row r="735">
          <cell r="A735" t="str">
            <v>Pri_carta_terzi_VP</v>
          </cell>
          <cell r="AS735">
            <v>0</v>
          </cell>
          <cell r="AT735">
            <v>0</v>
          </cell>
          <cell r="AU735">
            <v>0</v>
          </cell>
          <cell r="AV735">
            <v>2.3488345236000043</v>
          </cell>
          <cell r="AW735">
            <v>2.3958112140719976</v>
          </cell>
          <cell r="AX735">
            <v>2.4437274383534486</v>
          </cell>
          <cell r="AY735">
            <v>2.4926019871205085</v>
          </cell>
        </row>
        <row r="736">
          <cell r="A736" t="str">
            <v>Fam_carta_terzi_VP</v>
          </cell>
          <cell r="AS736">
            <v>0</v>
          </cell>
          <cell r="AT736">
            <v>0</v>
          </cell>
          <cell r="AU736">
            <v>0</v>
          </cell>
          <cell r="AV736">
            <v>0.19152457500000075</v>
          </cell>
          <cell r="AW736">
            <v>0.19535506649999945</v>
          </cell>
          <cell r="AX736">
            <v>0.19926216782999973</v>
          </cell>
          <cell r="AY736">
            <v>0.2032474111866005</v>
          </cell>
        </row>
        <row r="737">
          <cell r="A737" t="str">
            <v>PMI_carta_terzi_VP</v>
          </cell>
          <cell r="AS737">
            <v>0</v>
          </cell>
          <cell r="AT737">
            <v>0</v>
          </cell>
          <cell r="AU737">
            <v>0</v>
          </cell>
          <cell r="AV737">
            <v>0.11761809520000011</v>
          </cell>
          <cell r="AW737">
            <v>0.11997045710400034</v>
          </cell>
          <cell r="AX737">
            <v>0.12236986624608015</v>
          </cell>
          <cell r="AY737">
            <v>0.12481726357100165</v>
          </cell>
        </row>
        <row r="738">
          <cell r="A738" t="str">
            <v>ENT_carta_terzi_VP</v>
          </cell>
          <cell r="AS738">
            <v>0</v>
          </cell>
          <cell r="AT738">
            <v>0</v>
          </cell>
          <cell r="AU738">
            <v>0</v>
          </cell>
          <cell r="AV738">
            <v>3.3108887800000097E-2</v>
          </cell>
          <cell r="AW738">
            <v>3.3771065555999957E-2</v>
          </cell>
          <cell r="AX738">
            <v>3.444648686711993E-2</v>
          </cell>
          <cell r="AY738">
            <v>3.5135416604462399E-2</v>
          </cell>
        </row>
        <row r="739">
          <cell r="A739" t="str">
            <v>Cor_carta_terzi_VP</v>
          </cell>
          <cell r="AS739">
            <v>0</v>
          </cell>
          <cell r="AT739">
            <v>0</v>
          </cell>
          <cell r="AU739">
            <v>0</v>
          </cell>
          <cell r="AV739">
            <v>7.4581199999999903E-2</v>
          </cell>
          <cell r="AW739">
            <v>7.607282400000015E-2</v>
          </cell>
          <cell r="AX739">
            <v>7.7594280480000055E-2</v>
          </cell>
          <cell r="AY739">
            <v>7.9146166089600012E-2</v>
          </cell>
        </row>
        <row r="740">
          <cell r="A740" t="str">
            <v>Gra_carta_terzi_VP</v>
          </cell>
          <cell r="AS740">
            <v>0</v>
          </cell>
          <cell r="AT740">
            <v>0</v>
          </cell>
          <cell r="AU740">
            <v>0</v>
          </cell>
          <cell r="AV740">
            <v>0</v>
          </cell>
          <cell r="AW740">
            <v>0</v>
          </cell>
          <cell r="AX740">
            <v>0</v>
          </cell>
          <cell r="AY740">
            <v>0</v>
          </cell>
        </row>
        <row r="741">
          <cell r="A741" t="str">
            <v>FEX_carta_terzi_VP</v>
          </cell>
          <cell r="AS741">
            <v>0</v>
          </cell>
          <cell r="AT741">
            <v>0</v>
          </cell>
          <cell r="AU741">
            <v>0</v>
          </cell>
          <cell r="AV741">
            <v>0</v>
          </cell>
          <cell r="AW741">
            <v>0</v>
          </cell>
          <cell r="AX741">
            <v>0</v>
          </cell>
          <cell r="AY741">
            <v>0</v>
          </cell>
        </row>
        <row r="742">
          <cell r="A742" t="str">
            <v>MCL_carta_terzi_VP</v>
          </cell>
          <cell r="AS742">
            <v>0</v>
          </cell>
          <cell r="AT742">
            <v>0</v>
          </cell>
          <cell r="AU742">
            <v>0</v>
          </cell>
          <cell r="AV742">
            <v>0</v>
          </cell>
          <cell r="AW742">
            <v>0</v>
          </cell>
          <cell r="AX742">
            <v>0</v>
          </cell>
          <cell r="AY742">
            <v>0</v>
          </cell>
        </row>
        <row r="743">
          <cell r="A743" t="str">
            <v>MCG_carta_terzi_VP</v>
          </cell>
          <cell r="AS743">
            <v>0</v>
          </cell>
          <cell r="AT743">
            <v>0</v>
          </cell>
          <cell r="AU743">
            <v>0</v>
          </cell>
          <cell r="AV743">
            <v>0</v>
          </cell>
          <cell r="AW743">
            <v>0</v>
          </cell>
          <cell r="AX743">
            <v>0</v>
          </cell>
          <cell r="AY743">
            <v>0</v>
          </cell>
        </row>
        <row r="744">
          <cell r="A744" t="str">
            <v>MLE_carta_terzi_VP</v>
          </cell>
          <cell r="AS744">
            <v>0</v>
          </cell>
          <cell r="AT744">
            <v>0</v>
          </cell>
          <cell r="AU744">
            <v>0</v>
          </cell>
          <cell r="AV744">
            <v>0</v>
          </cell>
          <cell r="AW744">
            <v>0</v>
          </cell>
          <cell r="AX744">
            <v>0</v>
          </cell>
          <cell r="AY744">
            <v>0</v>
          </cell>
        </row>
        <row r="745">
          <cell r="A745" t="str">
            <v>MFA_carta_terzi_VP</v>
          </cell>
          <cell r="AS745">
            <v>0</v>
          </cell>
          <cell r="AT745">
            <v>0</v>
          </cell>
          <cell r="AU745">
            <v>0</v>
          </cell>
          <cell r="AV745">
            <v>0</v>
          </cell>
          <cell r="AW745">
            <v>0</v>
          </cell>
          <cell r="AX745">
            <v>0</v>
          </cell>
          <cell r="AY745">
            <v>0</v>
          </cell>
        </row>
        <row r="746">
          <cell r="A746" t="str">
            <v>MBQ_carta_terzi_VP</v>
          </cell>
          <cell r="AS746">
            <v>0</v>
          </cell>
          <cell r="AT746">
            <v>0</v>
          </cell>
          <cell r="AU746">
            <v>0</v>
          </cell>
          <cell r="AV746">
            <v>0</v>
          </cell>
          <cell r="AW746">
            <v>0</v>
          </cell>
          <cell r="AX746">
            <v>0</v>
          </cell>
          <cell r="AY746">
            <v>0</v>
          </cell>
        </row>
        <row r="747">
          <cell r="A747" t="str">
            <v>MBG_carta_terzi_VP</v>
          </cell>
          <cell r="AS747">
            <v>0</v>
          </cell>
          <cell r="AT747">
            <v>0</v>
          </cell>
          <cell r="AU747">
            <v>0</v>
          </cell>
          <cell r="AV747">
            <v>0</v>
          </cell>
          <cell r="AW747">
            <v>0</v>
          </cell>
          <cell r="AX747">
            <v>0</v>
          </cell>
          <cell r="AY747">
            <v>0</v>
          </cell>
        </row>
        <row r="748">
          <cell r="A748" t="str">
            <v>WID_carta_terzi_VP</v>
          </cell>
          <cell r="AS748">
            <v>0</v>
          </cell>
          <cell r="AT748">
            <v>0</v>
          </cell>
          <cell r="AU748">
            <v>0</v>
          </cell>
          <cell r="AV748">
            <v>0</v>
          </cell>
          <cell r="AW748">
            <v>0</v>
          </cell>
          <cell r="AX748">
            <v>0</v>
          </cell>
          <cell r="AY748">
            <v>0</v>
          </cell>
        </row>
        <row r="749">
          <cell r="A749" t="str">
            <v>FIN_carta_terzi_VP</v>
          </cell>
          <cell r="AS749">
            <v>0</v>
          </cell>
          <cell r="AT749">
            <v>0</v>
          </cell>
          <cell r="AU749">
            <v>0</v>
          </cell>
          <cell r="AV749">
            <v>0</v>
          </cell>
          <cell r="AW749">
            <v>0</v>
          </cell>
          <cell r="AX749">
            <v>0</v>
          </cell>
          <cell r="AY749">
            <v>0</v>
          </cell>
        </row>
        <row r="750">
          <cell r="A750" t="str">
            <v>ALM_carta_terzi_VP</v>
          </cell>
          <cell r="AS750">
            <v>0</v>
          </cell>
          <cell r="AT750">
            <v>0</v>
          </cell>
          <cell r="AU750">
            <v>0</v>
          </cell>
          <cell r="AV750">
            <v>0</v>
          </cell>
          <cell r="AW750">
            <v>0</v>
          </cell>
          <cell r="AX750">
            <v>0</v>
          </cell>
          <cell r="AY750">
            <v>0</v>
          </cell>
        </row>
        <row r="751">
          <cell r="A751" t="str">
            <v>FUO_carta_terzi_VP</v>
          </cell>
          <cell r="AS751">
            <v>0</v>
          </cell>
          <cell r="AT751">
            <v>0</v>
          </cell>
          <cell r="AU751">
            <v>0</v>
          </cell>
          <cell r="AV751">
            <v>0</v>
          </cell>
          <cell r="AW751">
            <v>0</v>
          </cell>
          <cell r="AX751">
            <v>0</v>
          </cell>
          <cell r="AY751">
            <v>0</v>
          </cell>
        </row>
        <row r="752">
          <cell r="A752" t="str">
            <v>XXX_carta_terzi_VP</v>
          </cell>
          <cell r="AS752">
            <v>0</v>
          </cell>
          <cell r="AT752">
            <v>0</v>
          </cell>
          <cell r="AU752">
            <v>0</v>
          </cell>
          <cell r="AV752">
            <v>-460.47178977819976</v>
          </cell>
          <cell r="AW752">
            <v>460.47178977819976</v>
          </cell>
          <cell r="AX752">
            <v>0</v>
          </cell>
          <cell r="AY752">
            <v>0</v>
          </cell>
        </row>
        <row r="753">
          <cell r="A753" t="str">
            <v>TOT_carta_terzi_VP</v>
          </cell>
          <cell r="AS753">
            <v>0</v>
          </cell>
          <cell r="AT753">
            <v>0</v>
          </cell>
          <cell r="AU753">
            <v>0</v>
          </cell>
          <cell r="AV753">
            <v>-418.56988417000002</v>
          </cell>
          <cell r="AW753">
            <v>503.21173349856417</v>
          </cell>
          <cell r="AX753">
            <v>43.59474259477156</v>
          </cell>
          <cell r="AY753">
            <v>44.466637446666482</v>
          </cell>
        </row>
        <row r="754">
          <cell r="AV754">
            <v>0</v>
          </cell>
          <cell r="AW754">
            <v>0</v>
          </cell>
          <cell r="AX754">
            <v>0</v>
          </cell>
          <cell r="AY754">
            <v>0</v>
          </cell>
        </row>
        <row r="755">
          <cell r="A755" t="str">
            <v>Val_I_sight_VP</v>
          </cell>
          <cell r="AS755">
            <v>0</v>
          </cell>
          <cell r="AT755">
            <v>0</v>
          </cell>
          <cell r="AU755">
            <v>0</v>
          </cell>
          <cell r="AV755">
            <v>39.663518645161275</v>
          </cell>
          <cell r="AW755">
            <v>31</v>
          </cell>
          <cell r="AX755">
            <v>32</v>
          </cell>
          <cell r="AY755">
            <v>0</v>
          </cell>
        </row>
        <row r="756">
          <cell r="A756" t="str">
            <v>Pre_I_sight_VP</v>
          </cell>
          <cell r="AS756">
            <v>0</v>
          </cell>
          <cell r="AT756">
            <v>0</v>
          </cell>
          <cell r="AU756">
            <v>0</v>
          </cell>
          <cell r="AV756">
            <v>11.940233870967745</v>
          </cell>
          <cell r="AW756">
            <v>3</v>
          </cell>
          <cell r="AX756">
            <v>4</v>
          </cell>
          <cell r="AY756">
            <v>0</v>
          </cell>
        </row>
        <row r="757">
          <cell r="A757" t="str">
            <v>Sma_I_sight_VP</v>
          </cell>
          <cell r="AS757">
            <v>0</v>
          </cell>
          <cell r="AT757">
            <v>0</v>
          </cell>
          <cell r="AU757">
            <v>0</v>
          </cell>
          <cell r="AV757">
            <v>231.76605664516092</v>
          </cell>
          <cell r="AW757">
            <v>200</v>
          </cell>
          <cell r="AX757">
            <v>350</v>
          </cell>
          <cell r="AY757">
            <v>0</v>
          </cell>
        </row>
        <row r="758">
          <cell r="A758" t="str">
            <v>Pri_I_sight_VP</v>
          </cell>
          <cell r="AS758">
            <v>0</v>
          </cell>
          <cell r="AT758">
            <v>0</v>
          </cell>
          <cell r="AU758">
            <v>0</v>
          </cell>
          <cell r="AV758">
            <v>-5.9141875161290614</v>
          </cell>
          <cell r="AW758">
            <v>0</v>
          </cell>
          <cell r="AX758">
            <v>0</v>
          </cell>
          <cell r="AY758">
            <v>0</v>
          </cell>
        </row>
        <row r="759">
          <cell r="A759" t="str">
            <v>Fam_I_sight_VP</v>
          </cell>
          <cell r="AS759">
            <v>0</v>
          </cell>
          <cell r="AT759">
            <v>0</v>
          </cell>
          <cell r="AU759">
            <v>0</v>
          </cell>
          <cell r="AV759">
            <v>-20.94322261290322</v>
          </cell>
          <cell r="AW759">
            <v>0</v>
          </cell>
          <cell r="AX759">
            <v>0</v>
          </cell>
          <cell r="AY759">
            <v>0</v>
          </cell>
        </row>
        <row r="760">
          <cell r="A760" t="str">
            <v>PMI_I_sight_VP</v>
          </cell>
          <cell r="AS760">
            <v>0</v>
          </cell>
          <cell r="AT760">
            <v>0</v>
          </cell>
          <cell r="AU760">
            <v>0</v>
          </cell>
          <cell r="AV760">
            <v>209.4945412580646</v>
          </cell>
          <cell r="AW760">
            <v>143</v>
          </cell>
          <cell r="AX760">
            <v>350</v>
          </cell>
          <cell r="AY760">
            <v>0</v>
          </cell>
        </row>
        <row r="761">
          <cell r="A761" t="str">
            <v>ENT_I_sight_VP</v>
          </cell>
          <cell r="AS761">
            <v>0</v>
          </cell>
          <cell r="AT761">
            <v>0</v>
          </cell>
          <cell r="AU761">
            <v>0</v>
          </cell>
          <cell r="AV761">
            <v>-35.002369645161366</v>
          </cell>
          <cell r="AW761">
            <v>7</v>
          </cell>
          <cell r="AX761">
            <v>7</v>
          </cell>
          <cell r="AY761">
            <v>0</v>
          </cell>
        </row>
        <row r="762">
          <cell r="A762" t="str">
            <v>Cor_I_sight_VP</v>
          </cell>
          <cell r="AS762">
            <v>0</v>
          </cell>
          <cell r="AT762">
            <v>0</v>
          </cell>
          <cell r="AU762">
            <v>0</v>
          </cell>
          <cell r="AV762">
            <v>45.805769419354874</v>
          </cell>
          <cell r="AW762">
            <v>19</v>
          </cell>
          <cell r="AX762">
            <v>20</v>
          </cell>
          <cell r="AY762">
            <v>0</v>
          </cell>
        </row>
        <row r="763">
          <cell r="A763" t="str">
            <v>Gra_I_sight_VP</v>
          </cell>
          <cell r="AS763">
            <v>0</v>
          </cell>
          <cell r="AT763">
            <v>0</v>
          </cell>
          <cell r="AU763">
            <v>0</v>
          </cell>
          <cell r="AV763">
            <v>10.56484441935487</v>
          </cell>
          <cell r="AW763">
            <v>24</v>
          </cell>
          <cell r="AX763">
            <v>2</v>
          </cell>
          <cell r="AY763">
            <v>0</v>
          </cell>
        </row>
        <row r="764">
          <cell r="A764" t="str">
            <v>FEX_I_sight_VP</v>
          </cell>
          <cell r="AS764">
            <v>0</v>
          </cell>
          <cell r="AT764">
            <v>0</v>
          </cell>
          <cell r="AU764">
            <v>0</v>
          </cell>
          <cell r="AV764">
            <v>60.067078121231106</v>
          </cell>
          <cell r="AW764">
            <v>0</v>
          </cell>
          <cell r="AX764">
            <v>2</v>
          </cell>
          <cell r="AY764">
            <v>0</v>
          </cell>
        </row>
        <row r="765">
          <cell r="A765" t="str">
            <v>MCL_I_sight_VP</v>
          </cell>
          <cell r="AS765">
            <v>0</v>
          </cell>
          <cell r="AT765">
            <v>0</v>
          </cell>
          <cell r="AU765">
            <v>0</v>
          </cell>
          <cell r="AV765">
            <v>0</v>
          </cell>
          <cell r="AW765">
            <v>0</v>
          </cell>
          <cell r="AX765">
            <v>0</v>
          </cell>
          <cell r="AY765">
            <v>0</v>
          </cell>
        </row>
        <row r="766">
          <cell r="A766" t="str">
            <v>MCG_I_sight_VP</v>
          </cell>
          <cell r="AS766">
            <v>0</v>
          </cell>
          <cell r="AT766">
            <v>0</v>
          </cell>
          <cell r="AU766">
            <v>0</v>
          </cell>
          <cell r="AV766">
            <v>0</v>
          </cell>
          <cell r="AW766">
            <v>0</v>
          </cell>
          <cell r="AX766">
            <v>0</v>
          </cell>
          <cell r="AY766">
            <v>0</v>
          </cell>
        </row>
        <row r="767">
          <cell r="A767" t="str">
            <v>MLE_I_sight_VP</v>
          </cell>
          <cell r="AS767">
            <v>0</v>
          </cell>
          <cell r="AT767">
            <v>0</v>
          </cell>
          <cell r="AU767">
            <v>0</v>
          </cell>
          <cell r="AV767">
            <v>0</v>
          </cell>
          <cell r="AW767">
            <v>0</v>
          </cell>
          <cell r="AX767">
            <v>0</v>
          </cell>
          <cell r="AY767">
            <v>0</v>
          </cell>
        </row>
        <row r="768">
          <cell r="A768" t="str">
            <v>MFA_I_sight_VP</v>
          </cell>
          <cell r="AS768">
            <v>0</v>
          </cell>
          <cell r="AT768">
            <v>0</v>
          </cell>
          <cell r="AU768">
            <v>0</v>
          </cell>
          <cell r="AV768">
            <v>0</v>
          </cell>
          <cell r="AW768">
            <v>0</v>
          </cell>
          <cell r="AX768">
            <v>0</v>
          </cell>
          <cell r="AY768">
            <v>0</v>
          </cell>
        </row>
        <row r="769">
          <cell r="A769" t="str">
            <v>MBQ_I_sight_VP</v>
          </cell>
          <cell r="AS769">
            <v>0</v>
          </cell>
          <cell r="AT769">
            <v>0</v>
          </cell>
          <cell r="AU769">
            <v>0</v>
          </cell>
          <cell r="AV769">
            <v>99.447483870968071</v>
          </cell>
          <cell r="AW769">
            <v>0</v>
          </cell>
          <cell r="AX769">
            <v>0</v>
          </cell>
          <cell r="AY769">
            <v>0</v>
          </cell>
        </row>
        <row r="770">
          <cell r="A770" t="str">
            <v>MBG_I_sight_VP</v>
          </cell>
          <cell r="AS770">
            <v>0</v>
          </cell>
          <cell r="AT770">
            <v>0</v>
          </cell>
          <cell r="AU770">
            <v>0</v>
          </cell>
          <cell r="AV770">
            <v>35.90303225806656</v>
          </cell>
          <cell r="AW770">
            <v>0</v>
          </cell>
          <cell r="AX770">
            <v>0</v>
          </cell>
          <cell r="AY770">
            <v>0</v>
          </cell>
        </row>
        <row r="771">
          <cell r="A771" t="str">
            <v>WID_I_sight_VP</v>
          </cell>
          <cell r="AS771">
            <v>0</v>
          </cell>
          <cell r="AT771">
            <v>0</v>
          </cell>
          <cell r="AU771">
            <v>0</v>
          </cell>
          <cell r="AV771">
            <v>3.8341170650000009</v>
          </cell>
          <cell r="AW771">
            <v>1</v>
          </cell>
          <cell r="AX771">
            <v>0</v>
          </cell>
          <cell r="AY771">
            <v>0</v>
          </cell>
        </row>
        <row r="772">
          <cell r="A772" t="str">
            <v>FIN_I_sight_VP</v>
          </cell>
          <cell r="AS772">
            <v>0</v>
          </cell>
          <cell r="AT772">
            <v>0</v>
          </cell>
          <cell r="AU772">
            <v>0</v>
          </cell>
          <cell r="AV772">
            <v>0</v>
          </cell>
          <cell r="AW772">
            <v>0</v>
          </cell>
          <cell r="AX772">
            <v>0</v>
          </cell>
          <cell r="AY772">
            <v>0</v>
          </cell>
        </row>
        <row r="773">
          <cell r="A773" t="str">
            <v>ALM_I_sight_VP</v>
          </cell>
          <cell r="AS773">
            <v>0</v>
          </cell>
          <cell r="AT773">
            <v>0</v>
          </cell>
          <cell r="AU773">
            <v>0</v>
          </cell>
          <cell r="AV773">
            <v>0</v>
          </cell>
          <cell r="AW773">
            <v>0</v>
          </cell>
          <cell r="AX773">
            <v>0</v>
          </cell>
          <cell r="AY773">
            <v>0</v>
          </cell>
        </row>
        <row r="774">
          <cell r="A774" t="str">
            <v>FUO_I_sight_VP</v>
          </cell>
          <cell r="AS774">
            <v>0</v>
          </cell>
          <cell r="AT774">
            <v>0</v>
          </cell>
          <cell r="AU774">
            <v>0</v>
          </cell>
          <cell r="AV774">
            <v>-14.372718870967741</v>
          </cell>
          <cell r="AW774">
            <v>0</v>
          </cell>
          <cell r="AX774">
            <v>0</v>
          </cell>
          <cell r="AY774">
            <v>0</v>
          </cell>
        </row>
        <row r="775">
          <cell r="A775" t="str">
            <v>XXX_I_sight_VP</v>
          </cell>
          <cell r="AS775">
            <v>0</v>
          </cell>
          <cell r="AT775">
            <v>0</v>
          </cell>
          <cell r="AU775">
            <v>0</v>
          </cell>
          <cell r="AV775">
            <v>0</v>
          </cell>
          <cell r="AW775">
            <v>0</v>
          </cell>
          <cell r="AX775">
            <v>0</v>
          </cell>
          <cell r="AY775">
            <v>0</v>
          </cell>
        </row>
        <row r="776">
          <cell r="A776" t="str">
            <v>TOT_I_sight_VP</v>
          </cell>
          <cell r="AS776">
            <v>0</v>
          </cell>
          <cell r="AT776">
            <v>0</v>
          </cell>
          <cell r="AU776">
            <v>0</v>
          </cell>
          <cell r="AV776">
            <v>672.25417692816882</v>
          </cell>
          <cell r="AW776">
            <v>428</v>
          </cell>
          <cell r="AX776">
            <v>767</v>
          </cell>
          <cell r="AY776">
            <v>0</v>
          </cell>
        </row>
        <row r="777">
          <cell r="A777" t="str">
            <v>Val_I_bt_VP</v>
          </cell>
          <cell r="AS777">
            <v>0</v>
          </cell>
          <cell r="AT777">
            <v>0</v>
          </cell>
          <cell r="AU777">
            <v>0</v>
          </cell>
          <cell r="AV777">
            <v>14.769480290322633</v>
          </cell>
          <cell r="AW777">
            <v>7</v>
          </cell>
          <cell r="AX777">
            <v>8</v>
          </cell>
          <cell r="AY777">
            <v>0</v>
          </cell>
        </row>
        <row r="778">
          <cell r="A778" t="str">
            <v>Pre_I_bt_VP</v>
          </cell>
          <cell r="AS778">
            <v>0</v>
          </cell>
          <cell r="AT778">
            <v>0</v>
          </cell>
          <cell r="AU778">
            <v>0</v>
          </cell>
          <cell r="AV778">
            <v>0.11273429032258164</v>
          </cell>
          <cell r="AW778">
            <v>1</v>
          </cell>
          <cell r="AX778">
            <v>0</v>
          </cell>
          <cell r="AY778">
            <v>0</v>
          </cell>
        </row>
        <row r="779">
          <cell r="A779" t="str">
            <v>Sma_I_bt_VP</v>
          </cell>
          <cell r="AS779">
            <v>0</v>
          </cell>
          <cell r="AT779">
            <v>0</v>
          </cell>
          <cell r="AU779">
            <v>0</v>
          </cell>
          <cell r="AV779">
            <v>441.92393770967692</v>
          </cell>
          <cell r="AW779">
            <v>520</v>
          </cell>
          <cell r="AX779">
            <v>381</v>
          </cell>
          <cell r="AY779">
            <v>0</v>
          </cell>
        </row>
        <row r="780">
          <cell r="A780" t="str">
            <v>Pri_I_bt_VP</v>
          </cell>
          <cell r="AS780">
            <v>0</v>
          </cell>
          <cell r="AT780">
            <v>0</v>
          </cell>
          <cell r="AU780">
            <v>0</v>
          </cell>
          <cell r="AV780">
            <v>6.4326838709675371E-2</v>
          </cell>
          <cell r="AW780">
            <v>0</v>
          </cell>
          <cell r="AX780">
            <v>1</v>
          </cell>
          <cell r="AY780">
            <v>0</v>
          </cell>
        </row>
        <row r="781">
          <cell r="A781" t="str">
            <v>Fam_I_bt_VP</v>
          </cell>
          <cell r="AS781">
            <v>0</v>
          </cell>
          <cell r="AT781">
            <v>0</v>
          </cell>
          <cell r="AU781">
            <v>0</v>
          </cell>
          <cell r="AV781">
            <v>-0.32830196774193549</v>
          </cell>
          <cell r="AW781">
            <v>0</v>
          </cell>
          <cell r="AX781">
            <v>0</v>
          </cell>
          <cell r="AY781">
            <v>0</v>
          </cell>
        </row>
        <row r="782">
          <cell r="A782" t="str">
            <v>PMI_I_bt_VP</v>
          </cell>
          <cell r="AS782">
            <v>0</v>
          </cell>
          <cell r="AT782">
            <v>0</v>
          </cell>
          <cell r="AU782">
            <v>0</v>
          </cell>
          <cell r="AV782">
            <v>639.19843580645102</v>
          </cell>
          <cell r="AW782">
            <v>470</v>
          </cell>
          <cell r="AX782">
            <v>530</v>
          </cell>
          <cell r="AY782">
            <v>0</v>
          </cell>
        </row>
        <row r="783">
          <cell r="A783" t="str">
            <v>ENT_I_bt_VP</v>
          </cell>
          <cell r="AS783">
            <v>0</v>
          </cell>
          <cell r="AT783">
            <v>0</v>
          </cell>
          <cell r="AU783">
            <v>0</v>
          </cell>
          <cell r="AV783">
            <v>-8.877266096774207</v>
          </cell>
          <cell r="AW783">
            <v>5</v>
          </cell>
          <cell r="AX783">
            <v>3</v>
          </cell>
          <cell r="AY783">
            <v>0</v>
          </cell>
        </row>
        <row r="784">
          <cell r="A784" t="str">
            <v>Cor_I_bt_VP</v>
          </cell>
          <cell r="AS784">
            <v>0</v>
          </cell>
          <cell r="AT784">
            <v>0</v>
          </cell>
          <cell r="AU784">
            <v>0</v>
          </cell>
          <cell r="AV784">
            <v>566.76050700000042</v>
          </cell>
          <cell r="AW784">
            <v>247</v>
          </cell>
          <cell r="AX784">
            <v>256</v>
          </cell>
          <cell r="AY784">
            <v>0</v>
          </cell>
        </row>
        <row r="785">
          <cell r="A785" t="str">
            <v>Gra_I_bt_VP</v>
          </cell>
          <cell r="AS785">
            <v>0</v>
          </cell>
          <cell r="AT785">
            <v>0</v>
          </cell>
          <cell r="AU785">
            <v>0</v>
          </cell>
          <cell r="AV785">
            <v>397.57460254838702</v>
          </cell>
          <cell r="AW785">
            <v>27</v>
          </cell>
          <cell r="AX785">
            <v>199</v>
          </cell>
          <cell r="AY785">
            <v>0</v>
          </cell>
        </row>
        <row r="786">
          <cell r="A786" t="str">
            <v>FEX_I_bt_VP</v>
          </cell>
          <cell r="AS786">
            <v>0</v>
          </cell>
          <cell r="AT786">
            <v>0</v>
          </cell>
          <cell r="AU786">
            <v>0</v>
          </cell>
          <cell r="AV786">
            <v>0</v>
          </cell>
          <cell r="AW786">
            <v>0</v>
          </cell>
          <cell r="AX786">
            <v>0</v>
          </cell>
          <cell r="AY786">
            <v>0</v>
          </cell>
        </row>
        <row r="787">
          <cell r="A787" t="str">
            <v>MCL_I_bt_VP</v>
          </cell>
          <cell r="AS787">
            <v>0</v>
          </cell>
          <cell r="AT787">
            <v>0</v>
          </cell>
          <cell r="AU787">
            <v>0</v>
          </cell>
          <cell r="AV787">
            <v>0</v>
          </cell>
          <cell r="AW787">
            <v>0</v>
          </cell>
          <cell r="AX787">
            <v>0</v>
          </cell>
          <cell r="AY787">
            <v>0</v>
          </cell>
        </row>
        <row r="788">
          <cell r="A788" t="str">
            <v>MCG_I_bt_VP</v>
          </cell>
          <cell r="AS788">
            <v>0</v>
          </cell>
          <cell r="AT788">
            <v>0</v>
          </cell>
          <cell r="AU788">
            <v>0</v>
          </cell>
          <cell r="AV788">
            <v>0</v>
          </cell>
          <cell r="AW788">
            <v>0</v>
          </cell>
          <cell r="AX788">
            <v>0</v>
          </cell>
          <cell r="AY788">
            <v>0</v>
          </cell>
        </row>
        <row r="789">
          <cell r="A789" t="str">
            <v>MLE_I_bt_VP</v>
          </cell>
          <cell r="AS789">
            <v>0</v>
          </cell>
          <cell r="AT789">
            <v>0</v>
          </cell>
          <cell r="AU789">
            <v>0</v>
          </cell>
          <cell r="AV789">
            <v>1000</v>
          </cell>
          <cell r="AW789">
            <v>28</v>
          </cell>
          <cell r="AX789">
            <v>8</v>
          </cell>
          <cell r="AY789">
            <v>0</v>
          </cell>
        </row>
        <row r="790">
          <cell r="A790" t="str">
            <v>MFA_I_bt_VP</v>
          </cell>
          <cell r="AS790">
            <v>0</v>
          </cell>
          <cell r="AT790">
            <v>0</v>
          </cell>
          <cell r="AU790">
            <v>0</v>
          </cell>
          <cell r="AV790">
            <v>-812.36329281581152</v>
          </cell>
          <cell r="AW790">
            <v>0</v>
          </cell>
          <cell r="AX790">
            <v>0</v>
          </cell>
          <cell r="AY790">
            <v>0</v>
          </cell>
        </row>
        <row r="791">
          <cell r="A791" t="str">
            <v>MBQ_I_bt_VP</v>
          </cell>
          <cell r="AS791">
            <v>0</v>
          </cell>
          <cell r="AT791">
            <v>0</v>
          </cell>
          <cell r="AU791">
            <v>0</v>
          </cell>
          <cell r="AV791">
            <v>0</v>
          </cell>
          <cell r="AW791">
            <v>0</v>
          </cell>
          <cell r="AX791">
            <v>0</v>
          </cell>
          <cell r="AY791">
            <v>0</v>
          </cell>
        </row>
        <row r="792">
          <cell r="A792" t="str">
            <v>MBG_I_bt_VP</v>
          </cell>
          <cell r="AS792">
            <v>0</v>
          </cell>
          <cell r="AT792">
            <v>0</v>
          </cell>
          <cell r="AU792">
            <v>0</v>
          </cell>
          <cell r="AV792">
            <v>0</v>
          </cell>
          <cell r="AW792">
            <v>0</v>
          </cell>
          <cell r="AX792">
            <v>0</v>
          </cell>
          <cell r="AY792">
            <v>0</v>
          </cell>
        </row>
        <row r="793">
          <cell r="A793" t="str">
            <v>WID_I_bt_VP</v>
          </cell>
          <cell r="AS793">
            <v>0</v>
          </cell>
          <cell r="AT793">
            <v>0</v>
          </cell>
          <cell r="AU793">
            <v>0</v>
          </cell>
          <cell r="AV793">
            <v>0</v>
          </cell>
          <cell r="AW793">
            <v>0</v>
          </cell>
          <cell r="AX793">
            <v>0</v>
          </cell>
          <cell r="AY793">
            <v>0</v>
          </cell>
        </row>
        <row r="794">
          <cell r="A794" t="str">
            <v>FIN_I_bt_VP</v>
          </cell>
          <cell r="AS794">
            <v>0</v>
          </cell>
          <cell r="AT794">
            <v>0</v>
          </cell>
          <cell r="AU794">
            <v>0</v>
          </cell>
          <cell r="AV794">
            <v>0</v>
          </cell>
          <cell r="AW794">
            <v>0</v>
          </cell>
          <cell r="AX794">
            <v>0</v>
          </cell>
          <cell r="AY794">
            <v>0</v>
          </cell>
        </row>
        <row r="795">
          <cell r="A795" t="str">
            <v>ALM_I_bt_VP</v>
          </cell>
          <cell r="AS795">
            <v>0</v>
          </cell>
          <cell r="AT795">
            <v>0</v>
          </cell>
          <cell r="AU795">
            <v>0</v>
          </cell>
          <cell r="AV795">
            <v>0</v>
          </cell>
          <cell r="AW795">
            <v>0</v>
          </cell>
          <cell r="AX795">
            <v>0</v>
          </cell>
          <cell r="AY795">
            <v>0</v>
          </cell>
        </row>
        <row r="796">
          <cell r="A796" t="str">
            <v>FUO_I_bt_VP</v>
          </cell>
          <cell r="AS796">
            <v>0</v>
          </cell>
          <cell r="AT796">
            <v>0</v>
          </cell>
          <cell r="AU796">
            <v>0</v>
          </cell>
          <cell r="AV796">
            <v>-3.5249806451612901E-2</v>
          </cell>
          <cell r="AW796">
            <v>0</v>
          </cell>
          <cell r="AX796">
            <v>0</v>
          </cell>
          <cell r="AY796">
            <v>0</v>
          </cell>
        </row>
        <row r="797">
          <cell r="A797" t="str">
            <v>XXX_I_bt_VP</v>
          </cell>
          <cell r="AS797">
            <v>0</v>
          </cell>
          <cell r="AT797">
            <v>0</v>
          </cell>
          <cell r="AU797">
            <v>0</v>
          </cell>
          <cell r="AV797">
            <v>0</v>
          </cell>
          <cell r="AW797">
            <v>0</v>
          </cell>
          <cell r="AX797">
            <v>0</v>
          </cell>
          <cell r="AY797">
            <v>0</v>
          </cell>
        </row>
        <row r="798">
          <cell r="A798" t="str">
            <v>TOT_I_bt_VP</v>
          </cell>
          <cell r="AS798">
            <v>0</v>
          </cell>
          <cell r="AT798">
            <v>0</v>
          </cell>
          <cell r="AU798">
            <v>0</v>
          </cell>
          <cell r="AV798">
            <v>2238.7999137970928</v>
          </cell>
          <cell r="AW798">
            <v>1305</v>
          </cell>
          <cell r="AX798">
            <v>1386</v>
          </cell>
          <cell r="AY798">
            <v>0</v>
          </cell>
        </row>
        <row r="799">
          <cell r="A799" t="str">
            <v>Val_I_mlt_VP</v>
          </cell>
          <cell r="AS799">
            <v>0</v>
          </cell>
          <cell r="AT799">
            <v>0</v>
          </cell>
          <cell r="AU799">
            <v>0</v>
          </cell>
          <cell r="AV799">
            <v>-1041.5404636451603</v>
          </cell>
          <cell r="AW799">
            <v>-619.40000000000146</v>
          </cell>
          <cell r="AX799">
            <v>10.400000000001455</v>
          </cell>
          <cell r="AY799">
            <v>0</v>
          </cell>
        </row>
        <row r="800">
          <cell r="A800" t="str">
            <v>Pre_I_mlt_VP</v>
          </cell>
          <cell r="AS800">
            <v>0</v>
          </cell>
          <cell r="AT800">
            <v>0</v>
          </cell>
          <cell r="AU800">
            <v>0</v>
          </cell>
          <cell r="AV800">
            <v>102.72842406451605</v>
          </cell>
          <cell r="AW800">
            <v>62</v>
          </cell>
          <cell r="AX800">
            <v>67</v>
          </cell>
          <cell r="AY800">
            <v>0</v>
          </cell>
        </row>
        <row r="801">
          <cell r="A801" t="str">
            <v>Sma_I_mlt_VP</v>
          </cell>
          <cell r="AS801">
            <v>0</v>
          </cell>
          <cell r="AT801">
            <v>0</v>
          </cell>
          <cell r="AU801">
            <v>0</v>
          </cell>
          <cell r="AV801">
            <v>0.42032406451471616</v>
          </cell>
          <cell r="AW801">
            <v>-101</v>
          </cell>
          <cell r="AX801">
            <v>124</v>
          </cell>
          <cell r="AY801">
            <v>0</v>
          </cell>
        </row>
        <row r="802">
          <cell r="A802" t="str">
            <v>Pri_I_mlt_VP</v>
          </cell>
          <cell r="AS802">
            <v>0</v>
          </cell>
          <cell r="AT802">
            <v>0</v>
          </cell>
          <cell r="AU802">
            <v>0</v>
          </cell>
          <cell r="AV802">
            <v>-16.071557548387091</v>
          </cell>
          <cell r="AW802">
            <v>-5</v>
          </cell>
          <cell r="AX802">
            <v>0</v>
          </cell>
          <cell r="AY802">
            <v>0</v>
          </cell>
        </row>
        <row r="803">
          <cell r="A803" t="str">
            <v>Fam_I_mlt_VP</v>
          </cell>
          <cell r="AS803">
            <v>0</v>
          </cell>
          <cell r="AT803">
            <v>0</v>
          </cell>
          <cell r="AU803">
            <v>0</v>
          </cell>
          <cell r="AV803">
            <v>-6.8049013870967769</v>
          </cell>
          <cell r="AW803">
            <v>-1</v>
          </cell>
          <cell r="AX803">
            <v>0</v>
          </cell>
          <cell r="AY803">
            <v>0</v>
          </cell>
        </row>
        <row r="804">
          <cell r="A804" t="str">
            <v>PMI_I_mlt_VP</v>
          </cell>
          <cell r="AS804">
            <v>0</v>
          </cell>
          <cell r="AT804">
            <v>0</v>
          </cell>
          <cell r="AU804">
            <v>0</v>
          </cell>
          <cell r="AV804">
            <v>-392.59591832258047</v>
          </cell>
          <cell r="AW804">
            <v>-1126.3999999999996</v>
          </cell>
          <cell r="AX804">
            <v>-843.60000000000036</v>
          </cell>
          <cell r="AY804">
            <v>0</v>
          </cell>
        </row>
        <row r="805">
          <cell r="A805" t="str">
            <v>ENT_I_mlt_VP</v>
          </cell>
          <cell r="AS805">
            <v>0</v>
          </cell>
          <cell r="AT805">
            <v>0</v>
          </cell>
          <cell r="AU805">
            <v>0</v>
          </cell>
          <cell r="AV805">
            <v>-134.66241712903229</v>
          </cell>
          <cell r="AW805">
            <v>-120</v>
          </cell>
          <cell r="AX805">
            <v>57</v>
          </cell>
          <cell r="AY805">
            <v>0</v>
          </cell>
        </row>
        <row r="806">
          <cell r="A806" t="str">
            <v>Cor_I_mlt_VP</v>
          </cell>
          <cell r="AS806">
            <v>0</v>
          </cell>
          <cell r="AT806">
            <v>0</v>
          </cell>
          <cell r="AU806">
            <v>0</v>
          </cell>
          <cell r="AV806">
            <v>-166.17427416129021</v>
          </cell>
          <cell r="AW806">
            <v>151.59999999999991</v>
          </cell>
          <cell r="AX806">
            <v>284</v>
          </cell>
          <cell r="AY806">
            <v>0</v>
          </cell>
        </row>
        <row r="807">
          <cell r="A807" t="str">
            <v>Gra_I_mlt_VP</v>
          </cell>
          <cell r="AS807">
            <v>0</v>
          </cell>
          <cell r="AT807">
            <v>0</v>
          </cell>
          <cell r="AU807">
            <v>0</v>
          </cell>
          <cell r="AV807">
            <v>190.62631741935502</v>
          </cell>
          <cell r="AW807">
            <v>-528.40000000000009</v>
          </cell>
          <cell r="AX807">
            <v>-399</v>
          </cell>
          <cell r="AY807">
            <v>0</v>
          </cell>
        </row>
        <row r="808">
          <cell r="A808" t="str">
            <v>FEX_I_mlt_VP</v>
          </cell>
          <cell r="AS808">
            <v>0</v>
          </cell>
          <cell r="AT808">
            <v>0</v>
          </cell>
          <cell r="AU808">
            <v>0</v>
          </cell>
          <cell r="AV808">
            <v>284.82281267134317</v>
          </cell>
          <cell r="AW808">
            <v>-1</v>
          </cell>
          <cell r="AX808">
            <v>16</v>
          </cell>
          <cell r="AY808">
            <v>0</v>
          </cell>
        </row>
        <row r="809">
          <cell r="A809" t="str">
            <v>MCL_I_mlt_VP</v>
          </cell>
          <cell r="AS809">
            <v>0</v>
          </cell>
          <cell r="AT809">
            <v>0</v>
          </cell>
          <cell r="AU809">
            <v>0</v>
          </cell>
          <cell r="AV809">
            <v>-1058.506838709669</v>
          </cell>
          <cell r="AW809">
            <v>-1191.3999999999996</v>
          </cell>
          <cell r="AX809">
            <v>-1108.6000000000004</v>
          </cell>
          <cell r="AY809">
            <v>0</v>
          </cell>
        </row>
        <row r="810">
          <cell r="A810" t="str">
            <v>MCG_I_mlt_VP</v>
          </cell>
          <cell r="AS810">
            <v>0</v>
          </cell>
          <cell r="AT810">
            <v>0</v>
          </cell>
          <cell r="AU810">
            <v>0</v>
          </cell>
          <cell r="AV810">
            <v>0</v>
          </cell>
          <cell r="AW810">
            <v>0</v>
          </cell>
          <cell r="AX810">
            <v>0</v>
          </cell>
          <cell r="AY810">
            <v>0</v>
          </cell>
        </row>
        <row r="811">
          <cell r="A811" t="str">
            <v>MLE_I_mlt_VP</v>
          </cell>
          <cell r="AS811">
            <v>0</v>
          </cell>
          <cell r="AT811">
            <v>0</v>
          </cell>
          <cell r="AU811">
            <v>0</v>
          </cell>
          <cell r="AV811">
            <v>-271.37401258999535</v>
          </cell>
          <cell r="AW811">
            <v>-647</v>
          </cell>
          <cell r="AX811">
            <v>-508</v>
          </cell>
          <cell r="AY811">
            <v>0</v>
          </cell>
        </row>
        <row r="812">
          <cell r="A812" t="str">
            <v>MFA_I_mlt_VP</v>
          </cell>
          <cell r="AS812">
            <v>0</v>
          </cell>
          <cell r="AT812">
            <v>0</v>
          </cell>
          <cell r="AU812">
            <v>0</v>
          </cell>
          <cell r="AV812">
            <v>0</v>
          </cell>
          <cell r="AW812">
            <v>0</v>
          </cell>
          <cell r="AX812">
            <v>0</v>
          </cell>
          <cell r="AY812">
            <v>0</v>
          </cell>
        </row>
        <row r="813">
          <cell r="A813" t="str">
            <v>MBQ_I_mlt_VP</v>
          </cell>
          <cell r="AS813">
            <v>0</v>
          </cell>
          <cell r="AT813">
            <v>0</v>
          </cell>
          <cell r="AU813">
            <v>0</v>
          </cell>
          <cell r="AV813">
            <v>24.307516129033274</v>
          </cell>
          <cell r="AW813">
            <v>-0.39999999999997726</v>
          </cell>
          <cell r="AX813">
            <v>0.39999999999997726</v>
          </cell>
          <cell r="AY813">
            <v>0</v>
          </cell>
        </row>
        <row r="814">
          <cell r="A814" t="str">
            <v>MBG_I_mlt_VP</v>
          </cell>
          <cell r="AS814">
            <v>0</v>
          </cell>
          <cell r="AT814">
            <v>0</v>
          </cell>
          <cell r="AU814">
            <v>0</v>
          </cell>
          <cell r="AV814">
            <v>0</v>
          </cell>
          <cell r="AW814">
            <v>0</v>
          </cell>
          <cell r="AX814">
            <v>0</v>
          </cell>
          <cell r="AY814">
            <v>0</v>
          </cell>
        </row>
        <row r="815">
          <cell r="A815" t="str">
            <v>WID_I_mlt_VP</v>
          </cell>
          <cell r="AS815">
            <v>0</v>
          </cell>
          <cell r="AT815">
            <v>0</v>
          </cell>
          <cell r="AU815">
            <v>0</v>
          </cell>
          <cell r="AV815">
            <v>28.878011639999997</v>
          </cell>
          <cell r="AW815">
            <v>33.6</v>
          </cell>
          <cell r="AX815">
            <v>1</v>
          </cell>
          <cell r="AY815">
            <v>0</v>
          </cell>
        </row>
        <row r="816">
          <cell r="A816" t="str">
            <v>FIN_I_mlt_VP</v>
          </cell>
          <cell r="AS816">
            <v>0</v>
          </cell>
          <cell r="AT816">
            <v>0</v>
          </cell>
          <cell r="AU816">
            <v>0</v>
          </cell>
          <cell r="AV816">
            <v>0</v>
          </cell>
          <cell r="AW816">
            <v>0</v>
          </cell>
          <cell r="AX816">
            <v>0</v>
          </cell>
          <cell r="AY816">
            <v>0</v>
          </cell>
        </row>
        <row r="817">
          <cell r="A817" t="str">
            <v>ALM_I_mlt_VP</v>
          </cell>
          <cell r="AS817">
            <v>0</v>
          </cell>
          <cell r="AT817">
            <v>0</v>
          </cell>
          <cell r="AU817">
            <v>0</v>
          </cell>
          <cell r="AV817">
            <v>0</v>
          </cell>
          <cell r="AW817">
            <v>0</v>
          </cell>
          <cell r="AX817">
            <v>0</v>
          </cell>
          <cell r="AY817">
            <v>0</v>
          </cell>
        </row>
        <row r="818">
          <cell r="A818" t="str">
            <v>FUO_I_mlt_VP</v>
          </cell>
          <cell r="AS818">
            <v>0</v>
          </cell>
          <cell r="AT818">
            <v>0</v>
          </cell>
          <cell r="AU818">
            <v>0</v>
          </cell>
          <cell r="AV818">
            <v>-142.08537058064516</v>
          </cell>
          <cell r="AW818">
            <v>0</v>
          </cell>
          <cell r="AX818">
            <v>0</v>
          </cell>
          <cell r="AY818">
            <v>0</v>
          </cell>
        </row>
        <row r="819">
          <cell r="A819" t="str">
            <v>XXX_I_mlt_VP</v>
          </cell>
          <cell r="AS819">
            <v>0</v>
          </cell>
          <cell r="AT819">
            <v>0</v>
          </cell>
          <cell r="AU819">
            <v>0</v>
          </cell>
          <cell r="AV819">
            <v>0</v>
          </cell>
          <cell r="AW819">
            <v>0</v>
          </cell>
          <cell r="AX819">
            <v>0</v>
          </cell>
          <cell r="AY819">
            <v>0</v>
          </cell>
        </row>
        <row r="820">
          <cell r="A820" t="str">
            <v>TOT_I_mlt_VP</v>
          </cell>
          <cell r="AS820">
            <v>0</v>
          </cell>
          <cell r="AT820">
            <v>0</v>
          </cell>
          <cell r="AU820">
            <v>0</v>
          </cell>
          <cell r="AV820">
            <v>-2598.032348085093</v>
          </cell>
          <cell r="AW820">
            <v>-4093.7999999999884</v>
          </cell>
          <cell r="AX820">
            <v>-2299.3999999999942</v>
          </cell>
          <cell r="AY820">
            <v>0</v>
          </cell>
        </row>
        <row r="821">
          <cell r="A821" t="str">
            <v>Val_I_VP</v>
          </cell>
          <cell r="AS821">
            <v>0</v>
          </cell>
          <cell r="AT821">
            <v>0</v>
          </cell>
          <cell r="AU821">
            <v>0</v>
          </cell>
          <cell r="AV821">
            <v>-987.1074647096757</v>
          </cell>
          <cell r="AW821">
            <v>-581.40000000000146</v>
          </cell>
          <cell r="AX821">
            <v>50.400000000001455</v>
          </cell>
          <cell r="AY821">
            <v>0</v>
          </cell>
        </row>
        <row r="822">
          <cell r="A822" t="str">
            <v>Pre_I_VP</v>
          </cell>
          <cell r="AS822">
            <v>0</v>
          </cell>
          <cell r="AT822">
            <v>0</v>
          </cell>
          <cell r="AU822">
            <v>0</v>
          </cell>
          <cell r="AV822">
            <v>114.78139222580603</v>
          </cell>
          <cell r="AW822">
            <v>66</v>
          </cell>
          <cell r="AX822">
            <v>71</v>
          </cell>
          <cell r="AY822">
            <v>0</v>
          </cell>
        </row>
        <row r="823">
          <cell r="A823" t="str">
            <v>Sma_I_VP</v>
          </cell>
          <cell r="AS823">
            <v>0</v>
          </cell>
          <cell r="AT823">
            <v>0</v>
          </cell>
          <cell r="AU823">
            <v>0</v>
          </cell>
          <cell r="AV823">
            <v>674.11031841935619</v>
          </cell>
          <cell r="AW823">
            <v>619</v>
          </cell>
          <cell r="AX823">
            <v>855</v>
          </cell>
          <cell r="AY823">
            <v>0</v>
          </cell>
        </row>
        <row r="824">
          <cell r="A824" t="str">
            <v>Pri_I_VP</v>
          </cell>
          <cell r="AS824">
            <v>0</v>
          </cell>
          <cell r="AT824">
            <v>0</v>
          </cell>
          <cell r="AU824">
            <v>0</v>
          </cell>
          <cell r="AV824">
            <v>-21.921418225806519</v>
          </cell>
          <cell r="AW824">
            <v>-5</v>
          </cell>
          <cell r="AX824">
            <v>1</v>
          </cell>
          <cell r="AY824">
            <v>0</v>
          </cell>
        </row>
        <row r="825">
          <cell r="A825" t="str">
            <v>Fam_I_VP</v>
          </cell>
          <cell r="AS825">
            <v>0</v>
          </cell>
          <cell r="AT825">
            <v>0</v>
          </cell>
          <cell r="AU825">
            <v>0</v>
          </cell>
          <cell r="AV825">
            <v>-28.076425967741926</v>
          </cell>
          <cell r="AW825">
            <v>-1</v>
          </cell>
          <cell r="AX825">
            <v>0</v>
          </cell>
          <cell r="AY825">
            <v>0</v>
          </cell>
        </row>
        <row r="826">
          <cell r="A826" t="str">
            <v>PMI_I_VP</v>
          </cell>
          <cell r="AS826">
            <v>0</v>
          </cell>
          <cell r="AT826">
            <v>0</v>
          </cell>
          <cell r="AU826">
            <v>0</v>
          </cell>
          <cell r="AV826">
            <v>456.09705874193605</v>
          </cell>
          <cell r="AW826">
            <v>-513.40000000000146</v>
          </cell>
          <cell r="AX826">
            <v>36.400000000001455</v>
          </cell>
          <cell r="AY826">
            <v>0</v>
          </cell>
        </row>
        <row r="827">
          <cell r="A827" t="str">
            <v>ENT_I_VP</v>
          </cell>
          <cell r="AS827">
            <v>0</v>
          </cell>
          <cell r="AT827">
            <v>0</v>
          </cell>
          <cell r="AU827">
            <v>0</v>
          </cell>
          <cell r="AV827">
            <v>-178.54205287096784</v>
          </cell>
          <cell r="AW827">
            <v>-108</v>
          </cell>
          <cell r="AX827">
            <v>67</v>
          </cell>
          <cell r="AY827">
            <v>0</v>
          </cell>
        </row>
        <row r="828">
          <cell r="A828" t="str">
            <v>Cor_I_VP</v>
          </cell>
          <cell r="AS828">
            <v>0</v>
          </cell>
          <cell r="AT828">
            <v>0</v>
          </cell>
          <cell r="AU828">
            <v>0</v>
          </cell>
          <cell r="AV828">
            <v>446.39200225806417</v>
          </cell>
          <cell r="AW828">
            <v>417.60000000000036</v>
          </cell>
          <cell r="AX828">
            <v>560</v>
          </cell>
          <cell r="AY828">
            <v>0</v>
          </cell>
        </row>
        <row r="829">
          <cell r="A829" t="str">
            <v>Gra_I_VP</v>
          </cell>
          <cell r="AS829">
            <v>0</v>
          </cell>
          <cell r="AT829">
            <v>0</v>
          </cell>
          <cell r="AU829">
            <v>0</v>
          </cell>
          <cell r="AV829">
            <v>598.76576438709617</v>
          </cell>
          <cell r="AW829">
            <v>-477.39999999999964</v>
          </cell>
          <cell r="AX829">
            <v>-198</v>
          </cell>
          <cell r="AY829">
            <v>0</v>
          </cell>
        </row>
        <row r="830">
          <cell r="A830" t="str">
            <v>FEX_I_VP</v>
          </cell>
          <cell r="AS830">
            <v>0</v>
          </cell>
          <cell r="AT830">
            <v>0</v>
          </cell>
          <cell r="AU830">
            <v>0</v>
          </cell>
          <cell r="AV830">
            <v>344.88989079257431</v>
          </cell>
          <cell r="AW830">
            <v>-1</v>
          </cell>
          <cell r="AX830">
            <v>18</v>
          </cell>
          <cell r="AY830">
            <v>0</v>
          </cell>
        </row>
        <row r="831">
          <cell r="A831" t="str">
            <v>MCL_I_VP</v>
          </cell>
          <cell r="AS831">
            <v>0</v>
          </cell>
          <cell r="AT831">
            <v>0</v>
          </cell>
          <cell r="AU831">
            <v>0</v>
          </cell>
          <cell r="AV831">
            <v>-1058.506838709669</v>
          </cell>
          <cell r="AW831">
            <v>-1191.3999999999996</v>
          </cell>
          <cell r="AX831">
            <v>-1108.6000000000004</v>
          </cell>
          <cell r="AY831">
            <v>0</v>
          </cell>
        </row>
        <row r="832">
          <cell r="A832" t="str">
            <v>MCG_I_VP</v>
          </cell>
          <cell r="AS832">
            <v>0</v>
          </cell>
          <cell r="AT832">
            <v>0</v>
          </cell>
          <cell r="AU832">
            <v>0</v>
          </cell>
          <cell r="AV832">
            <v>0</v>
          </cell>
          <cell r="AW832">
            <v>0</v>
          </cell>
          <cell r="AX832">
            <v>0</v>
          </cell>
          <cell r="AY832">
            <v>0</v>
          </cell>
        </row>
        <row r="833">
          <cell r="A833" t="str">
            <v>MLE_I_VP</v>
          </cell>
          <cell r="AS833">
            <v>0</v>
          </cell>
          <cell r="AT833">
            <v>0</v>
          </cell>
          <cell r="AU833">
            <v>0</v>
          </cell>
          <cell r="AV833">
            <v>728.62598741000465</v>
          </cell>
          <cell r="AW833">
            <v>-619</v>
          </cell>
          <cell r="AX833">
            <v>-500</v>
          </cell>
          <cell r="AY833">
            <v>0</v>
          </cell>
        </row>
        <row r="834">
          <cell r="A834" t="str">
            <v>MFA_I_VP</v>
          </cell>
          <cell r="AS834">
            <v>0</v>
          </cell>
          <cell r="AT834">
            <v>0</v>
          </cell>
          <cell r="AU834">
            <v>0</v>
          </cell>
          <cell r="AV834">
            <v>-812.36329281581152</v>
          </cell>
          <cell r="AW834">
            <v>0</v>
          </cell>
          <cell r="AX834">
            <v>0</v>
          </cell>
          <cell r="AY834">
            <v>0</v>
          </cell>
        </row>
        <row r="835">
          <cell r="A835" t="str">
            <v>MBQ_I_VP</v>
          </cell>
          <cell r="AS835">
            <v>0</v>
          </cell>
          <cell r="AT835">
            <v>0</v>
          </cell>
          <cell r="AU835">
            <v>0</v>
          </cell>
          <cell r="AV835">
            <v>123.75500000000147</v>
          </cell>
          <cell r="AW835">
            <v>-0.40000000000009095</v>
          </cell>
          <cell r="AX835">
            <v>0.40000000000009095</v>
          </cell>
          <cell r="AY835">
            <v>0</v>
          </cell>
        </row>
        <row r="836">
          <cell r="A836" t="str">
            <v>MBG_I_VP</v>
          </cell>
          <cell r="AS836">
            <v>0</v>
          </cell>
          <cell r="AT836">
            <v>0</v>
          </cell>
          <cell r="AU836">
            <v>0</v>
          </cell>
          <cell r="AV836">
            <v>35.90303225806656</v>
          </cell>
          <cell r="AW836">
            <v>0</v>
          </cell>
          <cell r="AX836">
            <v>0</v>
          </cell>
          <cell r="AY836">
            <v>0</v>
          </cell>
        </row>
        <row r="837">
          <cell r="A837" t="str">
            <v>WID_I_VP</v>
          </cell>
          <cell r="AS837">
            <v>0</v>
          </cell>
          <cell r="AT837">
            <v>0</v>
          </cell>
          <cell r="AU837">
            <v>0</v>
          </cell>
          <cell r="AV837">
            <v>32.712128704999998</v>
          </cell>
          <cell r="AW837">
            <v>34.599999999999994</v>
          </cell>
          <cell r="AX837">
            <v>1</v>
          </cell>
          <cell r="AY837">
            <v>0</v>
          </cell>
        </row>
        <row r="838">
          <cell r="A838" t="str">
            <v>FIN_I_VP</v>
          </cell>
          <cell r="AS838">
            <v>0</v>
          </cell>
          <cell r="AT838">
            <v>0</v>
          </cell>
          <cell r="AU838">
            <v>0</v>
          </cell>
          <cell r="AV838">
            <v>0</v>
          </cell>
          <cell r="AW838">
            <v>0</v>
          </cell>
          <cell r="AX838">
            <v>0</v>
          </cell>
          <cell r="AY838">
            <v>0</v>
          </cell>
        </row>
        <row r="839">
          <cell r="A839" t="str">
            <v>ALM_I_VP</v>
          </cell>
          <cell r="AS839">
            <v>0</v>
          </cell>
          <cell r="AT839">
            <v>0</v>
          </cell>
          <cell r="AU839">
            <v>0</v>
          </cell>
          <cell r="AV839">
            <v>0</v>
          </cell>
          <cell r="AW839">
            <v>0</v>
          </cell>
          <cell r="AX839">
            <v>0</v>
          </cell>
          <cell r="AY839">
            <v>0</v>
          </cell>
        </row>
        <row r="840">
          <cell r="A840" t="str">
            <v>FUO_I_VP</v>
          </cell>
          <cell r="AS840">
            <v>0</v>
          </cell>
          <cell r="AT840">
            <v>0</v>
          </cell>
          <cell r="AU840">
            <v>0</v>
          </cell>
          <cell r="AV840">
            <v>-156.49333925806451</v>
          </cell>
          <cell r="AW840">
            <v>0</v>
          </cell>
          <cell r="AX840">
            <v>0</v>
          </cell>
          <cell r="AY840">
            <v>0</v>
          </cell>
        </row>
        <row r="841">
          <cell r="A841" t="str">
            <v>XXX_I_VP</v>
          </cell>
          <cell r="AS841">
            <v>0</v>
          </cell>
          <cell r="AT841">
            <v>0</v>
          </cell>
          <cell r="AU841">
            <v>0</v>
          </cell>
          <cell r="AV841">
            <v>0</v>
          </cell>
          <cell r="AW841">
            <v>0</v>
          </cell>
          <cell r="AX841">
            <v>0</v>
          </cell>
          <cell r="AY841">
            <v>0</v>
          </cell>
        </row>
        <row r="842">
          <cell r="A842" t="str">
            <v>TOT_I_VP</v>
          </cell>
          <cell r="AS842">
            <v>0</v>
          </cell>
          <cell r="AT842">
            <v>0</v>
          </cell>
          <cell r="AU842">
            <v>0</v>
          </cell>
          <cell r="AV842">
            <v>313.02174264013593</v>
          </cell>
          <cell r="AW842">
            <v>-2360.7999999999738</v>
          </cell>
          <cell r="AX842">
            <v>-146.40000000000873</v>
          </cell>
          <cell r="AY842">
            <v>0</v>
          </cell>
        </row>
        <row r="843">
          <cell r="A843" t="str">
            <v>Val_firma_ITA_VP</v>
          </cell>
          <cell r="AS843">
            <v>0</v>
          </cell>
          <cell r="AT843">
            <v>0</v>
          </cell>
          <cell r="AU843">
            <v>0</v>
          </cell>
          <cell r="AV843">
            <v>-25.682954409999997</v>
          </cell>
          <cell r="AW843">
            <v>0</v>
          </cell>
          <cell r="AX843">
            <v>0</v>
          </cell>
          <cell r="AY843">
            <v>0</v>
          </cell>
        </row>
        <row r="844">
          <cell r="A844" t="str">
            <v>Pre_firma_ITA_VP</v>
          </cell>
          <cell r="AS844">
            <v>0</v>
          </cell>
          <cell r="AT844">
            <v>0</v>
          </cell>
          <cell r="AU844">
            <v>0</v>
          </cell>
          <cell r="AV844">
            <v>-27.663216690000002</v>
          </cell>
          <cell r="AW844">
            <v>0</v>
          </cell>
          <cell r="AX844">
            <v>0</v>
          </cell>
          <cell r="AY844">
            <v>0</v>
          </cell>
        </row>
        <row r="845">
          <cell r="A845" t="str">
            <v>Sma_firma_ITA_VP</v>
          </cell>
          <cell r="AS845">
            <v>0</v>
          </cell>
          <cell r="AT845">
            <v>0</v>
          </cell>
          <cell r="AU845">
            <v>0</v>
          </cell>
          <cell r="AV845">
            <v>-445.48130398000001</v>
          </cell>
          <cell r="AW845">
            <v>0</v>
          </cell>
          <cell r="AX845">
            <v>0</v>
          </cell>
          <cell r="AY845">
            <v>0</v>
          </cell>
        </row>
        <row r="846">
          <cell r="A846" t="str">
            <v>Pri_firma_ITA_VP</v>
          </cell>
          <cell r="AS846">
            <v>0</v>
          </cell>
          <cell r="AT846">
            <v>0</v>
          </cell>
          <cell r="AU846">
            <v>0</v>
          </cell>
          <cell r="AV846">
            <v>-22.463828490000001</v>
          </cell>
          <cell r="AW846">
            <v>0</v>
          </cell>
          <cell r="AX846">
            <v>0</v>
          </cell>
          <cell r="AY846">
            <v>0</v>
          </cell>
        </row>
        <row r="847">
          <cell r="A847" t="str">
            <v>Fam_firma_ITA_VP</v>
          </cell>
          <cell r="AS847">
            <v>0</v>
          </cell>
          <cell r="AT847">
            <v>0</v>
          </cell>
          <cell r="AU847">
            <v>0</v>
          </cell>
          <cell r="AV847">
            <v>-1.5837584600000001</v>
          </cell>
          <cell r="AW847">
            <v>0</v>
          </cell>
          <cell r="AX847">
            <v>0</v>
          </cell>
          <cell r="AY847">
            <v>0</v>
          </cell>
        </row>
        <row r="848">
          <cell r="A848" t="str">
            <v>PMI_firma_ITA_VP</v>
          </cell>
          <cell r="AS848">
            <v>0</v>
          </cell>
          <cell r="AT848">
            <v>0</v>
          </cell>
          <cell r="AU848">
            <v>0</v>
          </cell>
          <cell r="AV848">
            <v>-1852.8900333900001</v>
          </cell>
          <cell r="AW848">
            <v>0</v>
          </cell>
          <cell r="AX848">
            <v>0</v>
          </cell>
          <cell r="AY848">
            <v>0</v>
          </cell>
        </row>
        <row r="849">
          <cell r="A849" t="str">
            <v>ENT_firma_ITA_VP</v>
          </cell>
          <cell r="AS849">
            <v>0</v>
          </cell>
          <cell r="AT849">
            <v>0</v>
          </cell>
          <cell r="AU849">
            <v>0</v>
          </cell>
          <cell r="AV849">
            <v>-402.68346819999999</v>
          </cell>
          <cell r="AW849">
            <v>0</v>
          </cell>
          <cell r="AX849">
            <v>0</v>
          </cell>
          <cell r="AY849">
            <v>0</v>
          </cell>
        </row>
        <row r="850">
          <cell r="A850" t="str">
            <v>Cor_firma_ITA_VP</v>
          </cell>
          <cell r="AS850">
            <v>0</v>
          </cell>
          <cell r="AT850">
            <v>0</v>
          </cell>
          <cell r="AU850">
            <v>0</v>
          </cell>
          <cell r="AV850">
            <v>-806.3999461300001</v>
          </cell>
          <cell r="AW850">
            <v>0</v>
          </cell>
          <cell r="AX850">
            <v>0</v>
          </cell>
          <cell r="AY850">
            <v>0</v>
          </cell>
        </row>
        <row r="851">
          <cell r="A851" t="str">
            <v>Gra_firma_ITA_VP</v>
          </cell>
          <cell r="AS851">
            <v>0</v>
          </cell>
          <cell r="AT851">
            <v>0</v>
          </cell>
          <cell r="AU851">
            <v>0</v>
          </cell>
          <cell r="AV851">
            <v>-1466.6913582599998</v>
          </cell>
          <cell r="AW851">
            <v>0</v>
          </cell>
          <cell r="AX851">
            <v>0</v>
          </cell>
          <cell r="AY851">
            <v>0</v>
          </cell>
        </row>
        <row r="852">
          <cell r="A852" t="str">
            <v>FEX_firma_ITA_VP</v>
          </cell>
          <cell r="AS852">
            <v>0</v>
          </cell>
          <cell r="AT852">
            <v>0</v>
          </cell>
          <cell r="AU852">
            <v>0</v>
          </cell>
          <cell r="AV852">
            <v>0</v>
          </cell>
          <cell r="AW852">
            <v>0</v>
          </cell>
          <cell r="AX852">
            <v>0</v>
          </cell>
          <cell r="AY852">
            <v>0</v>
          </cell>
        </row>
        <row r="853">
          <cell r="A853" t="str">
            <v>MCL_firma_ITA_VP</v>
          </cell>
          <cell r="AS853">
            <v>0</v>
          </cell>
          <cell r="AT853">
            <v>0</v>
          </cell>
          <cell r="AU853">
            <v>0</v>
          </cell>
          <cell r="AV853">
            <v>0</v>
          </cell>
          <cell r="AW853">
            <v>0</v>
          </cell>
          <cell r="AX853">
            <v>0</v>
          </cell>
          <cell r="AY853">
            <v>0</v>
          </cell>
        </row>
        <row r="854">
          <cell r="A854" t="str">
            <v>MCG_firma_ITA_VP</v>
          </cell>
          <cell r="AS854">
            <v>0</v>
          </cell>
          <cell r="AT854">
            <v>0</v>
          </cell>
          <cell r="AU854">
            <v>0</v>
          </cell>
          <cell r="AV854">
            <v>0</v>
          </cell>
          <cell r="AW854">
            <v>0</v>
          </cell>
          <cell r="AX854">
            <v>0</v>
          </cell>
          <cell r="AY854">
            <v>0</v>
          </cell>
        </row>
        <row r="855">
          <cell r="A855" t="str">
            <v>MLE_firma_ITA_VP</v>
          </cell>
          <cell r="AS855">
            <v>0</v>
          </cell>
          <cell r="AT855">
            <v>0</v>
          </cell>
          <cell r="AU855">
            <v>0</v>
          </cell>
          <cell r="AV855">
            <v>0</v>
          </cell>
          <cell r="AW855">
            <v>0</v>
          </cell>
          <cell r="AX855">
            <v>0</v>
          </cell>
          <cell r="AY855">
            <v>0</v>
          </cell>
        </row>
        <row r="856">
          <cell r="A856" t="str">
            <v>MFA_firma_ITA_VP</v>
          </cell>
          <cell r="AS856">
            <v>0</v>
          </cell>
          <cell r="AT856">
            <v>0</v>
          </cell>
          <cell r="AU856">
            <v>0</v>
          </cell>
          <cell r="AV856">
            <v>0</v>
          </cell>
          <cell r="AW856">
            <v>0</v>
          </cell>
          <cell r="AX856">
            <v>0</v>
          </cell>
          <cell r="AY856">
            <v>0</v>
          </cell>
        </row>
        <row r="857">
          <cell r="A857" t="str">
            <v>MBQ_firma_ITA_VP</v>
          </cell>
          <cell r="AS857">
            <v>0</v>
          </cell>
          <cell r="AT857">
            <v>0</v>
          </cell>
          <cell r="AU857">
            <v>0</v>
          </cell>
          <cell r="AV857">
            <v>0</v>
          </cell>
          <cell r="AW857">
            <v>0</v>
          </cell>
          <cell r="AX857">
            <v>0</v>
          </cell>
          <cell r="AY857">
            <v>0</v>
          </cell>
        </row>
        <row r="858">
          <cell r="A858" t="str">
            <v>MBG_firma_ITA_VP</v>
          </cell>
          <cell r="AS858">
            <v>0</v>
          </cell>
          <cell r="AT858">
            <v>0</v>
          </cell>
          <cell r="AU858">
            <v>0</v>
          </cell>
          <cell r="AV858">
            <v>0</v>
          </cell>
          <cell r="AW858">
            <v>0</v>
          </cell>
          <cell r="AX858">
            <v>0</v>
          </cell>
          <cell r="AY858">
            <v>0</v>
          </cell>
        </row>
        <row r="859">
          <cell r="A859" t="str">
            <v>WID_firma_ITA_VP</v>
          </cell>
          <cell r="AS859">
            <v>0</v>
          </cell>
          <cell r="AT859">
            <v>0</v>
          </cell>
          <cell r="AU859">
            <v>0</v>
          </cell>
          <cell r="AV859">
            <v>0</v>
          </cell>
          <cell r="AW859">
            <v>0</v>
          </cell>
          <cell r="AX859">
            <v>0</v>
          </cell>
          <cell r="AY859">
            <v>0</v>
          </cell>
        </row>
        <row r="860">
          <cell r="A860" t="str">
            <v>FIN_firma_ITA_VP</v>
          </cell>
          <cell r="AS860">
            <v>0</v>
          </cell>
          <cell r="AT860">
            <v>0</v>
          </cell>
          <cell r="AU860">
            <v>0</v>
          </cell>
          <cell r="AV860">
            <v>0</v>
          </cell>
          <cell r="AW860">
            <v>0</v>
          </cell>
          <cell r="AX860">
            <v>0</v>
          </cell>
          <cell r="AY860">
            <v>0</v>
          </cell>
        </row>
        <row r="861">
          <cell r="A861" t="str">
            <v>ALM_firma_ITA_VP</v>
          </cell>
          <cell r="AS861">
            <v>0</v>
          </cell>
          <cell r="AT861">
            <v>0</v>
          </cell>
          <cell r="AU861">
            <v>0</v>
          </cell>
          <cell r="AV861">
            <v>0</v>
          </cell>
          <cell r="AW861">
            <v>0</v>
          </cell>
          <cell r="AX861">
            <v>0</v>
          </cell>
          <cell r="AY861">
            <v>0</v>
          </cell>
        </row>
        <row r="862">
          <cell r="A862" t="str">
            <v>FUO_firma_ITA_VP</v>
          </cell>
          <cell r="AS862">
            <v>0</v>
          </cell>
          <cell r="AT862">
            <v>0</v>
          </cell>
          <cell r="AU862">
            <v>0</v>
          </cell>
          <cell r="AV862">
            <v>-2.582284E-2</v>
          </cell>
          <cell r="AW862">
            <v>0</v>
          </cell>
          <cell r="AX862">
            <v>0</v>
          </cell>
          <cell r="AY862">
            <v>0</v>
          </cell>
        </row>
        <row r="863">
          <cell r="A863" t="str">
            <v>XXX_firma_ITA_VP</v>
          </cell>
          <cell r="AS863">
            <v>0</v>
          </cell>
          <cell r="AT863">
            <v>0</v>
          </cell>
          <cell r="AU863">
            <v>0</v>
          </cell>
          <cell r="AV863">
            <v>4621.3931046300004</v>
          </cell>
          <cell r="AW863">
            <v>0</v>
          </cell>
          <cell r="AX863">
            <v>0</v>
          </cell>
          <cell r="AY863">
            <v>0</v>
          </cell>
        </row>
        <row r="864">
          <cell r="A864" t="str">
            <v>TOT_firma_ITA_VP</v>
          </cell>
          <cell r="AS864">
            <v>0</v>
          </cell>
          <cell r="AT864">
            <v>0</v>
          </cell>
          <cell r="AU864">
            <v>0</v>
          </cell>
          <cell r="AV864">
            <v>-430.17258621999918</v>
          </cell>
          <cell r="AW864">
            <v>0</v>
          </cell>
          <cell r="AX864">
            <v>0</v>
          </cell>
          <cell r="AY864">
            <v>0</v>
          </cell>
        </row>
        <row r="865">
          <cell r="A865" t="str">
            <v>Val_firma_EST_VP</v>
          </cell>
          <cell r="AS865">
            <v>0</v>
          </cell>
          <cell r="AT865">
            <v>0</v>
          </cell>
          <cell r="AU865">
            <v>0</v>
          </cell>
          <cell r="AV865">
            <v>-0.47109073000000001</v>
          </cell>
          <cell r="AW865">
            <v>0</v>
          </cell>
          <cell r="AX865">
            <v>0</v>
          </cell>
          <cell r="AY865">
            <v>0</v>
          </cell>
        </row>
        <row r="866">
          <cell r="A866" t="str">
            <v>Pre_firma_EST_VP</v>
          </cell>
          <cell r="AS866">
            <v>0</v>
          </cell>
          <cell r="AT866">
            <v>0</v>
          </cell>
          <cell r="AU866">
            <v>0</v>
          </cell>
          <cell r="AV866">
            <v>-8.2216680000000153E-2</v>
          </cell>
          <cell r="AW866">
            <v>0</v>
          </cell>
          <cell r="AX866">
            <v>0</v>
          </cell>
          <cell r="AY866">
            <v>0</v>
          </cell>
        </row>
        <row r="867">
          <cell r="A867" t="str">
            <v>Sma_firma_EST_VP</v>
          </cell>
          <cell r="AS867">
            <v>0</v>
          </cell>
          <cell r="AT867">
            <v>0</v>
          </cell>
          <cell r="AU867">
            <v>0</v>
          </cell>
          <cell r="AV867">
            <v>-0.87488575999999796</v>
          </cell>
          <cell r="AW867">
            <v>0</v>
          </cell>
          <cell r="AX867">
            <v>0</v>
          </cell>
          <cell r="AY867">
            <v>0</v>
          </cell>
        </row>
        <row r="868">
          <cell r="A868" t="str">
            <v>Pri_firma_EST_VP</v>
          </cell>
          <cell r="AS868">
            <v>0</v>
          </cell>
          <cell r="AT868">
            <v>0</v>
          </cell>
          <cell r="AU868">
            <v>0</v>
          </cell>
          <cell r="AV868">
            <v>-0.32520654999999987</v>
          </cell>
          <cell r="AW868">
            <v>0</v>
          </cell>
          <cell r="AX868">
            <v>0</v>
          </cell>
          <cell r="AY868">
            <v>0</v>
          </cell>
        </row>
        <row r="869">
          <cell r="A869" t="str">
            <v>Fam_firma_EST_VP</v>
          </cell>
          <cell r="AS869">
            <v>0</v>
          </cell>
          <cell r="AT869">
            <v>0</v>
          </cell>
          <cell r="AU869">
            <v>0</v>
          </cell>
          <cell r="AV869">
            <v>-9.914699999999995E-4</v>
          </cell>
          <cell r="AW869">
            <v>0</v>
          </cell>
          <cell r="AX869">
            <v>0</v>
          </cell>
          <cell r="AY869">
            <v>0</v>
          </cell>
        </row>
        <row r="870">
          <cell r="A870" t="str">
            <v>PMI_firma_EST_VP</v>
          </cell>
          <cell r="AS870">
            <v>0</v>
          </cell>
          <cell r="AT870">
            <v>0</v>
          </cell>
          <cell r="AU870">
            <v>0</v>
          </cell>
          <cell r="AV870">
            <v>6.0828787199999965</v>
          </cell>
          <cell r="AW870">
            <v>0</v>
          </cell>
          <cell r="AX870">
            <v>0</v>
          </cell>
          <cell r="AY870">
            <v>0</v>
          </cell>
        </row>
        <row r="871">
          <cell r="A871" t="str">
            <v>ENT_firma_EST_VP</v>
          </cell>
          <cell r="AS871">
            <v>0</v>
          </cell>
          <cell r="AT871">
            <v>0</v>
          </cell>
          <cell r="AU871">
            <v>0</v>
          </cell>
          <cell r="AV871">
            <v>-0.43169557000000047</v>
          </cell>
          <cell r="AW871">
            <v>0</v>
          </cell>
          <cell r="AX871">
            <v>0</v>
          </cell>
          <cell r="AY871">
            <v>0</v>
          </cell>
        </row>
        <row r="872">
          <cell r="A872" t="str">
            <v>Cor_firma_EST_VP</v>
          </cell>
          <cell r="AS872">
            <v>0</v>
          </cell>
          <cell r="AT872">
            <v>0</v>
          </cell>
          <cell r="AU872">
            <v>0</v>
          </cell>
          <cell r="AV872">
            <v>-22.04545096999999</v>
          </cell>
          <cell r="AW872">
            <v>0</v>
          </cell>
          <cell r="AX872">
            <v>0</v>
          </cell>
          <cell r="AY872">
            <v>0</v>
          </cell>
        </row>
        <row r="873">
          <cell r="A873" t="str">
            <v>Gra_firma_EST_VP</v>
          </cell>
          <cell r="AS873">
            <v>0</v>
          </cell>
          <cell r="AT873">
            <v>0</v>
          </cell>
          <cell r="AU873">
            <v>0</v>
          </cell>
          <cell r="AV873">
            <v>-60.56991161000002</v>
          </cell>
          <cell r="AW873">
            <v>0</v>
          </cell>
          <cell r="AX873">
            <v>0</v>
          </cell>
          <cell r="AY873">
            <v>0</v>
          </cell>
        </row>
        <row r="874">
          <cell r="A874" t="str">
            <v>FEX_firma_EST_VP</v>
          </cell>
          <cell r="AS874">
            <v>0</v>
          </cell>
          <cell r="AT874">
            <v>0</v>
          </cell>
          <cell r="AU874">
            <v>0</v>
          </cell>
          <cell r="AV874">
            <v>0</v>
          </cell>
          <cell r="AW874">
            <v>0</v>
          </cell>
          <cell r="AX874">
            <v>0</v>
          </cell>
          <cell r="AY874">
            <v>0</v>
          </cell>
        </row>
        <row r="875">
          <cell r="A875" t="str">
            <v>MCL_firma_EST_VP</v>
          </cell>
          <cell r="AS875">
            <v>0</v>
          </cell>
          <cell r="AT875">
            <v>0</v>
          </cell>
          <cell r="AU875">
            <v>0</v>
          </cell>
          <cell r="AV875">
            <v>0</v>
          </cell>
          <cell r="AW875">
            <v>0</v>
          </cell>
          <cell r="AX875">
            <v>0</v>
          </cell>
          <cell r="AY875">
            <v>0</v>
          </cell>
        </row>
        <row r="876">
          <cell r="A876" t="str">
            <v>MCG_firma_EST_VP</v>
          </cell>
          <cell r="AS876">
            <v>0</v>
          </cell>
          <cell r="AT876">
            <v>0</v>
          </cell>
          <cell r="AU876">
            <v>0</v>
          </cell>
          <cell r="AV876">
            <v>0</v>
          </cell>
          <cell r="AW876">
            <v>0</v>
          </cell>
          <cell r="AX876">
            <v>0</v>
          </cell>
          <cell r="AY876">
            <v>0</v>
          </cell>
        </row>
        <row r="877">
          <cell r="A877" t="str">
            <v>MLE_firma_EST_VP</v>
          </cell>
          <cell r="AS877">
            <v>0</v>
          </cell>
          <cell r="AT877">
            <v>0</v>
          </cell>
          <cell r="AU877">
            <v>0</v>
          </cell>
          <cell r="AV877">
            <v>0</v>
          </cell>
          <cell r="AW877">
            <v>0</v>
          </cell>
          <cell r="AX877">
            <v>0</v>
          </cell>
          <cell r="AY877">
            <v>0</v>
          </cell>
        </row>
        <row r="878">
          <cell r="A878" t="str">
            <v>MFA_firma_EST_VP</v>
          </cell>
          <cell r="AS878">
            <v>0</v>
          </cell>
          <cell r="AT878">
            <v>0</v>
          </cell>
          <cell r="AU878">
            <v>0</v>
          </cell>
          <cell r="AV878">
            <v>0</v>
          </cell>
          <cell r="AW878">
            <v>0</v>
          </cell>
          <cell r="AX878">
            <v>0</v>
          </cell>
          <cell r="AY878">
            <v>0</v>
          </cell>
        </row>
        <row r="879">
          <cell r="A879" t="str">
            <v>MBQ_firma_EST_VP</v>
          </cell>
          <cell r="AS879">
            <v>0</v>
          </cell>
          <cell r="AT879">
            <v>0</v>
          </cell>
          <cell r="AU879">
            <v>0</v>
          </cell>
          <cell r="AV879">
            <v>0</v>
          </cell>
          <cell r="AW879">
            <v>0</v>
          </cell>
          <cell r="AX879">
            <v>0</v>
          </cell>
          <cell r="AY879">
            <v>0</v>
          </cell>
        </row>
        <row r="880">
          <cell r="A880" t="str">
            <v>MBG_firma_EST_VP</v>
          </cell>
          <cell r="AS880">
            <v>0</v>
          </cell>
          <cell r="AT880">
            <v>0</v>
          </cell>
          <cell r="AU880">
            <v>0</v>
          </cell>
          <cell r="AV880">
            <v>0</v>
          </cell>
          <cell r="AW880">
            <v>0</v>
          </cell>
          <cell r="AX880">
            <v>0</v>
          </cell>
          <cell r="AY880">
            <v>0</v>
          </cell>
        </row>
        <row r="881">
          <cell r="A881" t="str">
            <v>WID_firma_EST_VP</v>
          </cell>
          <cell r="AS881">
            <v>0</v>
          </cell>
          <cell r="AT881">
            <v>0</v>
          </cell>
          <cell r="AU881">
            <v>0</v>
          </cell>
          <cell r="AV881">
            <v>0</v>
          </cell>
          <cell r="AW881">
            <v>0</v>
          </cell>
          <cell r="AX881">
            <v>0</v>
          </cell>
          <cell r="AY881">
            <v>0</v>
          </cell>
        </row>
        <row r="882">
          <cell r="A882" t="str">
            <v>FIN_firma_EST_VP</v>
          </cell>
          <cell r="AS882">
            <v>0</v>
          </cell>
          <cell r="AT882">
            <v>0</v>
          </cell>
          <cell r="AU882">
            <v>0</v>
          </cell>
          <cell r="AV882">
            <v>0</v>
          </cell>
          <cell r="AW882">
            <v>0</v>
          </cell>
          <cell r="AX882">
            <v>0</v>
          </cell>
          <cell r="AY882">
            <v>0</v>
          </cell>
        </row>
        <row r="883">
          <cell r="A883" t="str">
            <v>ALM_firma_EST_VP</v>
          </cell>
          <cell r="AS883">
            <v>0</v>
          </cell>
          <cell r="AT883">
            <v>0</v>
          </cell>
          <cell r="AU883">
            <v>0</v>
          </cell>
          <cell r="AV883">
            <v>0</v>
          </cell>
          <cell r="AW883">
            <v>0</v>
          </cell>
          <cell r="AX883">
            <v>0</v>
          </cell>
          <cell r="AY883">
            <v>0</v>
          </cell>
        </row>
        <row r="884">
          <cell r="A884" t="str">
            <v>FUO_firma_EST_VP</v>
          </cell>
          <cell r="AS884">
            <v>0</v>
          </cell>
          <cell r="AT884">
            <v>0</v>
          </cell>
          <cell r="AU884">
            <v>0</v>
          </cell>
          <cell r="AV884">
            <v>0</v>
          </cell>
          <cell r="AW884">
            <v>0</v>
          </cell>
          <cell r="AX884">
            <v>0</v>
          </cell>
          <cell r="AY884">
            <v>0</v>
          </cell>
        </row>
        <row r="885">
          <cell r="A885" t="str">
            <v>XXX_firma_EST_VP</v>
          </cell>
          <cell r="AS885">
            <v>0</v>
          </cell>
          <cell r="AT885">
            <v>0</v>
          </cell>
          <cell r="AU885">
            <v>0</v>
          </cell>
          <cell r="AV885">
            <v>-9.7240144200000032</v>
          </cell>
          <cell r="AW885">
            <v>0</v>
          </cell>
          <cell r="AX885">
            <v>0</v>
          </cell>
          <cell r="AY885">
            <v>0</v>
          </cell>
        </row>
        <row r="886">
          <cell r="A886" t="str">
            <v>TOT_firma_EST_VP</v>
          </cell>
          <cell r="AS886">
            <v>0</v>
          </cell>
          <cell r="AT886">
            <v>0</v>
          </cell>
          <cell r="AU886">
            <v>0</v>
          </cell>
          <cell r="AV886">
            <v>-88.442585039999813</v>
          </cell>
          <cell r="AW886">
            <v>0</v>
          </cell>
          <cell r="AX886">
            <v>0</v>
          </cell>
          <cell r="AY886">
            <v>0</v>
          </cell>
        </row>
        <row r="887">
          <cell r="A887" t="str">
            <v>Val_accord_VP</v>
          </cell>
          <cell r="AS887">
            <v>0</v>
          </cell>
          <cell r="AT887">
            <v>0</v>
          </cell>
          <cell r="AU887">
            <v>0</v>
          </cell>
          <cell r="AV887">
            <v>-54.102962058935645</v>
          </cell>
          <cell r="AW887">
            <v>-32.041896693633362</v>
          </cell>
          <cell r="AX887">
            <v>2.7776257195719154</v>
          </cell>
          <cell r="AY887">
            <v>0</v>
          </cell>
        </row>
        <row r="888">
          <cell r="A888" t="str">
            <v>Pre_accord_VP</v>
          </cell>
          <cell r="AS888">
            <v>0</v>
          </cell>
          <cell r="AT888">
            <v>0</v>
          </cell>
          <cell r="AU888">
            <v>0</v>
          </cell>
          <cell r="AV888">
            <v>13.354082559009498</v>
          </cell>
          <cell r="AW888">
            <v>11.033052524112236</v>
          </cell>
          <cell r="AX888">
            <v>11.868889836545009</v>
          </cell>
          <cell r="AY888">
            <v>0</v>
          </cell>
        </row>
        <row r="889">
          <cell r="A889" t="str">
            <v>Sma_accord_VP</v>
          </cell>
          <cell r="AS889">
            <v>0</v>
          </cell>
          <cell r="AT889">
            <v>0</v>
          </cell>
          <cell r="AU889">
            <v>0</v>
          </cell>
          <cell r="AV889">
            <v>368.7845234862034</v>
          </cell>
          <cell r="AW889">
            <v>284.18010941441025</v>
          </cell>
          <cell r="AX889">
            <v>392.52664547547738</v>
          </cell>
          <cell r="AY889">
            <v>0</v>
          </cell>
        </row>
        <row r="890">
          <cell r="A890" t="str">
            <v>Pri_accord_VP</v>
          </cell>
          <cell r="AS890">
            <v>0</v>
          </cell>
          <cell r="AT890">
            <v>0</v>
          </cell>
          <cell r="AU890">
            <v>0</v>
          </cell>
          <cell r="AV890">
            <v>-6.4192207075103056</v>
          </cell>
          <cell r="AW890">
            <v>-3.3709721408054634</v>
          </cell>
          <cell r="AX890">
            <v>0.67419442816111541</v>
          </cell>
          <cell r="AY890">
            <v>0</v>
          </cell>
        </row>
        <row r="891">
          <cell r="A891" t="str">
            <v>Fam_accord_VP</v>
          </cell>
          <cell r="AS891">
            <v>0</v>
          </cell>
          <cell r="AT891">
            <v>0</v>
          </cell>
          <cell r="AU891">
            <v>0</v>
          </cell>
          <cell r="AV891">
            <v>-14.778820438507594</v>
          </cell>
          <cell r="AW891">
            <v>-0.72699888290547676</v>
          </cell>
          <cell r="AX891">
            <v>0</v>
          </cell>
          <cell r="AY891">
            <v>0</v>
          </cell>
        </row>
        <row r="892">
          <cell r="A892" t="str">
            <v>PMI_accord_VP</v>
          </cell>
          <cell r="AS892">
            <v>0</v>
          </cell>
          <cell r="AT892">
            <v>0</v>
          </cell>
          <cell r="AU892">
            <v>0</v>
          </cell>
          <cell r="AV892">
            <v>205.94957124231587</v>
          </cell>
          <cell r="AW892">
            <v>-236.81004297013897</v>
          </cell>
          <cell r="AX892">
            <v>16.789804371082937</v>
          </cell>
          <cell r="AY892">
            <v>0</v>
          </cell>
        </row>
        <row r="893">
          <cell r="A893" t="str">
            <v>ENT_accord_VP</v>
          </cell>
          <cell r="AS893">
            <v>0</v>
          </cell>
          <cell r="AT893">
            <v>0</v>
          </cell>
          <cell r="AU893">
            <v>0</v>
          </cell>
          <cell r="AV893">
            <v>-1297.2785949985523</v>
          </cell>
          <cell r="AW893">
            <v>-38.970796482018386</v>
          </cell>
          <cell r="AX893">
            <v>24.176327447177982</v>
          </cell>
          <cell r="AY893">
            <v>0</v>
          </cell>
        </row>
        <row r="894">
          <cell r="A894" t="str">
            <v>Cor_accord_VP</v>
          </cell>
          <cell r="AS894">
            <v>0</v>
          </cell>
          <cell r="AT894">
            <v>0</v>
          </cell>
          <cell r="AU894">
            <v>0</v>
          </cell>
          <cell r="AV894">
            <v>296.73993089454143</v>
          </cell>
          <cell r="AW894">
            <v>245.1436477274533</v>
          </cell>
          <cell r="AX894">
            <v>328.73669235482157</v>
          </cell>
          <cell r="AY894">
            <v>0</v>
          </cell>
        </row>
        <row r="895">
          <cell r="A895" t="str">
            <v>Gra_accord_VP</v>
          </cell>
          <cell r="AS895">
            <v>0</v>
          </cell>
          <cell r="AT895">
            <v>0</v>
          </cell>
          <cell r="AU895">
            <v>0</v>
          </cell>
          <cell r="AV895">
            <v>353.32041481108399</v>
          </cell>
          <cell r="AW895">
            <v>-357.9036177076141</v>
          </cell>
          <cell r="AX895">
            <v>-148.43928845016262</v>
          </cell>
          <cell r="AY895">
            <v>0</v>
          </cell>
        </row>
        <row r="896">
          <cell r="A896" t="str">
            <v>FEX_accord_VP</v>
          </cell>
          <cell r="AS896">
            <v>0</v>
          </cell>
          <cell r="AT896">
            <v>0</v>
          </cell>
          <cell r="AU896">
            <v>0</v>
          </cell>
          <cell r="AV896">
            <v>0</v>
          </cell>
          <cell r="AW896">
            <v>0</v>
          </cell>
          <cell r="AX896">
            <v>0</v>
          </cell>
          <cell r="AY896">
            <v>0</v>
          </cell>
        </row>
        <row r="897">
          <cell r="A897" t="str">
            <v>MCL_accord_VP</v>
          </cell>
          <cell r="AS897">
            <v>0</v>
          </cell>
          <cell r="AT897">
            <v>0</v>
          </cell>
          <cell r="AU897">
            <v>0</v>
          </cell>
          <cell r="AV897">
            <v>0</v>
          </cell>
          <cell r="AW897">
            <v>0</v>
          </cell>
          <cell r="AX897">
            <v>0</v>
          </cell>
          <cell r="AY897">
            <v>0</v>
          </cell>
        </row>
        <row r="898">
          <cell r="A898" t="str">
            <v>MCG_accord_VP</v>
          </cell>
          <cell r="AS898">
            <v>0</v>
          </cell>
          <cell r="AT898">
            <v>0</v>
          </cell>
          <cell r="AU898">
            <v>0</v>
          </cell>
          <cell r="AV898">
            <v>0</v>
          </cell>
          <cell r="AW898">
            <v>0</v>
          </cell>
          <cell r="AX898">
            <v>0</v>
          </cell>
          <cell r="AY898">
            <v>0</v>
          </cell>
        </row>
        <row r="899">
          <cell r="A899" t="str">
            <v>MLE_accord_VP</v>
          </cell>
          <cell r="AS899">
            <v>0</v>
          </cell>
          <cell r="AT899">
            <v>0</v>
          </cell>
          <cell r="AU899">
            <v>0</v>
          </cell>
          <cell r="AV899">
            <v>0</v>
          </cell>
          <cell r="AW899">
            <v>0</v>
          </cell>
          <cell r="AX899">
            <v>0</v>
          </cell>
          <cell r="AY899">
            <v>0</v>
          </cell>
        </row>
        <row r="900">
          <cell r="A900" t="str">
            <v>MFA_accord_VP</v>
          </cell>
          <cell r="AS900">
            <v>0</v>
          </cell>
          <cell r="AT900">
            <v>0</v>
          </cell>
          <cell r="AU900">
            <v>0</v>
          </cell>
          <cell r="AV900">
            <v>0</v>
          </cell>
          <cell r="AW900">
            <v>0</v>
          </cell>
          <cell r="AX900">
            <v>0</v>
          </cell>
          <cell r="AY900">
            <v>0</v>
          </cell>
        </row>
        <row r="901">
          <cell r="A901" t="str">
            <v>MBQ_accord_VP</v>
          </cell>
          <cell r="AS901">
            <v>0</v>
          </cell>
          <cell r="AT901">
            <v>0</v>
          </cell>
          <cell r="AU901">
            <v>0</v>
          </cell>
          <cell r="AV901">
            <v>0</v>
          </cell>
          <cell r="AW901">
            <v>0</v>
          </cell>
          <cell r="AX901">
            <v>0</v>
          </cell>
          <cell r="AY901">
            <v>0</v>
          </cell>
        </row>
        <row r="902">
          <cell r="A902" t="str">
            <v>MBG_accord_VP</v>
          </cell>
          <cell r="AS902">
            <v>0</v>
          </cell>
          <cell r="AT902">
            <v>0</v>
          </cell>
          <cell r="AU902">
            <v>0</v>
          </cell>
          <cell r="AV902">
            <v>0</v>
          </cell>
          <cell r="AW902">
            <v>0</v>
          </cell>
          <cell r="AX902">
            <v>0</v>
          </cell>
          <cell r="AY902">
            <v>0</v>
          </cell>
        </row>
        <row r="903">
          <cell r="A903" t="str">
            <v>WID_accord_VP</v>
          </cell>
          <cell r="AS903">
            <v>0</v>
          </cell>
          <cell r="AT903">
            <v>0</v>
          </cell>
          <cell r="AU903">
            <v>0</v>
          </cell>
          <cell r="AV903">
            <v>0</v>
          </cell>
          <cell r="AW903">
            <v>0</v>
          </cell>
          <cell r="AX903">
            <v>0</v>
          </cell>
          <cell r="AY903">
            <v>0</v>
          </cell>
        </row>
        <row r="904">
          <cell r="A904" t="str">
            <v>FIN_accord_VP</v>
          </cell>
          <cell r="AS904">
            <v>0</v>
          </cell>
          <cell r="AT904">
            <v>0</v>
          </cell>
          <cell r="AU904">
            <v>0</v>
          </cell>
          <cell r="AV904">
            <v>0</v>
          </cell>
          <cell r="AW904">
            <v>0</v>
          </cell>
          <cell r="AX904">
            <v>0</v>
          </cell>
          <cell r="AY904">
            <v>0</v>
          </cell>
        </row>
        <row r="905">
          <cell r="A905" t="str">
            <v>ALM_accord_VP</v>
          </cell>
          <cell r="AS905">
            <v>0</v>
          </cell>
          <cell r="AT905">
            <v>0</v>
          </cell>
          <cell r="AU905">
            <v>0</v>
          </cell>
          <cell r="AV905">
            <v>0</v>
          </cell>
          <cell r="AW905">
            <v>0</v>
          </cell>
          <cell r="AX905">
            <v>0</v>
          </cell>
          <cell r="AY905">
            <v>0</v>
          </cell>
        </row>
        <row r="906">
          <cell r="A906" t="str">
            <v>FUO_accord_VP</v>
          </cell>
          <cell r="AS906">
            <v>0</v>
          </cell>
          <cell r="AT906">
            <v>0</v>
          </cell>
          <cell r="AU906">
            <v>0</v>
          </cell>
          <cell r="AV906">
            <v>0</v>
          </cell>
          <cell r="AW906">
            <v>0</v>
          </cell>
          <cell r="AX906">
            <v>0</v>
          </cell>
          <cell r="AY906">
            <v>0</v>
          </cell>
        </row>
        <row r="907">
          <cell r="A907" t="str">
            <v>XXX_accord_VP</v>
          </cell>
          <cell r="AS907">
            <v>0</v>
          </cell>
          <cell r="AT907">
            <v>0</v>
          </cell>
          <cell r="AU907">
            <v>0</v>
          </cell>
          <cell r="AV907">
            <v>-624.66877524965457</v>
          </cell>
          <cell r="AW907">
            <v>624.66877524965457</v>
          </cell>
          <cell r="AX907">
            <v>0</v>
          </cell>
          <cell r="AY907">
            <v>0</v>
          </cell>
        </row>
        <row r="908">
          <cell r="A908" t="str">
            <v>TOT_accord_VP</v>
          </cell>
          <cell r="AS908">
            <v>0</v>
          </cell>
          <cell r="AT908">
            <v>0</v>
          </cell>
          <cell r="AU908">
            <v>0</v>
          </cell>
          <cell r="AV908">
            <v>-759.09985046000656</v>
          </cell>
          <cell r="AW908">
            <v>495.20126003851328</v>
          </cell>
          <cell r="AX908">
            <v>629.11089118267773</v>
          </cell>
          <cell r="AY908">
            <v>0</v>
          </cell>
        </row>
        <row r="909">
          <cell r="AV909">
            <v>0</v>
          </cell>
          <cell r="AW909">
            <v>0</v>
          </cell>
          <cell r="AX909">
            <v>0</v>
          </cell>
          <cell r="AY909">
            <v>0</v>
          </cell>
        </row>
        <row r="910">
          <cell r="A910" t="str">
            <v>Val_clienti_VP</v>
          </cell>
          <cell r="AS910">
            <v>0</v>
          </cell>
          <cell r="AT910">
            <v>0</v>
          </cell>
          <cell r="AU910">
            <v>0</v>
          </cell>
          <cell r="AV910">
            <v>-25782</v>
          </cell>
          <cell r="AW910">
            <v>0</v>
          </cell>
          <cell r="AX910">
            <v>0</v>
          </cell>
          <cell r="AY910">
            <v>0</v>
          </cell>
        </row>
        <row r="911">
          <cell r="A911" t="str">
            <v>Pre_clienti_VP</v>
          </cell>
          <cell r="AS911">
            <v>0</v>
          </cell>
          <cell r="AT911">
            <v>0</v>
          </cell>
          <cell r="AU911">
            <v>0</v>
          </cell>
          <cell r="AV911">
            <v>-473</v>
          </cell>
          <cell r="AW911">
            <v>0</v>
          </cell>
          <cell r="AX911">
            <v>0</v>
          </cell>
          <cell r="AY911">
            <v>0</v>
          </cell>
        </row>
        <row r="912">
          <cell r="A912" t="str">
            <v>Sma_clienti_VP</v>
          </cell>
          <cell r="AS912">
            <v>0</v>
          </cell>
          <cell r="AT912">
            <v>0</v>
          </cell>
          <cell r="AU912">
            <v>0</v>
          </cell>
          <cell r="AV912">
            <v>1281</v>
          </cell>
          <cell r="AW912">
            <v>0</v>
          </cell>
          <cell r="AX912">
            <v>0</v>
          </cell>
          <cell r="AY912">
            <v>0</v>
          </cell>
        </row>
        <row r="913">
          <cell r="A913" t="str">
            <v>Pri_clienti_VP</v>
          </cell>
          <cell r="AS913">
            <v>0</v>
          </cell>
          <cell r="AT913">
            <v>0</v>
          </cell>
          <cell r="AU913">
            <v>0</v>
          </cell>
          <cell r="AV913">
            <v>7</v>
          </cell>
          <cell r="AW913">
            <v>0</v>
          </cell>
          <cell r="AX913">
            <v>0</v>
          </cell>
          <cell r="AY913">
            <v>0</v>
          </cell>
        </row>
        <row r="914">
          <cell r="A914" t="str">
            <v>Fam_clienti_VP</v>
          </cell>
          <cell r="AS914">
            <v>0</v>
          </cell>
          <cell r="AT914">
            <v>0</v>
          </cell>
          <cell r="AU914">
            <v>0</v>
          </cell>
          <cell r="AV914">
            <v>45</v>
          </cell>
          <cell r="AW914">
            <v>0</v>
          </cell>
          <cell r="AX914">
            <v>0</v>
          </cell>
          <cell r="AY914">
            <v>0</v>
          </cell>
        </row>
        <row r="915">
          <cell r="A915" t="str">
            <v>PMI_clienti_VP</v>
          </cell>
          <cell r="AS915">
            <v>0</v>
          </cell>
          <cell r="AT915">
            <v>0</v>
          </cell>
          <cell r="AU915">
            <v>0</v>
          </cell>
          <cell r="AV915">
            <v>-634</v>
          </cell>
          <cell r="AW915">
            <v>0</v>
          </cell>
          <cell r="AX915">
            <v>0</v>
          </cell>
          <cell r="AY915">
            <v>0</v>
          </cell>
        </row>
        <row r="916">
          <cell r="A916" t="str">
            <v>ENT_clienti_VP</v>
          </cell>
          <cell r="AS916">
            <v>0</v>
          </cell>
          <cell r="AT916">
            <v>0</v>
          </cell>
          <cell r="AU916">
            <v>0</v>
          </cell>
          <cell r="AV916">
            <v>100</v>
          </cell>
          <cell r="AW916">
            <v>0</v>
          </cell>
          <cell r="AX916">
            <v>0</v>
          </cell>
          <cell r="AY916">
            <v>0</v>
          </cell>
        </row>
        <row r="917">
          <cell r="A917" t="str">
            <v>Cor_clienti_VP</v>
          </cell>
          <cell r="AS917">
            <v>0</v>
          </cell>
          <cell r="AT917">
            <v>0</v>
          </cell>
          <cell r="AU917">
            <v>0</v>
          </cell>
          <cell r="AV917">
            <v>163</v>
          </cell>
          <cell r="AW917">
            <v>0</v>
          </cell>
          <cell r="AX917">
            <v>0</v>
          </cell>
          <cell r="AY917">
            <v>0</v>
          </cell>
        </row>
        <row r="918">
          <cell r="A918" t="str">
            <v>Gra_clienti_VP</v>
          </cell>
          <cell r="AS918">
            <v>0</v>
          </cell>
          <cell r="AT918">
            <v>0</v>
          </cell>
          <cell r="AU918">
            <v>0</v>
          </cell>
          <cell r="AV918">
            <v>-18</v>
          </cell>
          <cell r="AW918">
            <v>0</v>
          </cell>
          <cell r="AX918">
            <v>0</v>
          </cell>
          <cell r="AY918">
            <v>0</v>
          </cell>
        </row>
        <row r="919">
          <cell r="A919" t="str">
            <v>FEX_clienti_VP</v>
          </cell>
          <cell r="AS919">
            <v>0</v>
          </cell>
          <cell r="AT919">
            <v>0</v>
          </cell>
          <cell r="AU919">
            <v>0</v>
          </cell>
          <cell r="AV919">
            <v>0</v>
          </cell>
          <cell r="AW919">
            <v>0</v>
          </cell>
          <cell r="AX919">
            <v>0</v>
          </cell>
          <cell r="AY919">
            <v>0</v>
          </cell>
        </row>
        <row r="920">
          <cell r="A920" t="str">
            <v>MCL_clienti_VP</v>
          </cell>
          <cell r="AS920">
            <v>0</v>
          </cell>
          <cell r="AT920">
            <v>0</v>
          </cell>
          <cell r="AU920">
            <v>0</v>
          </cell>
          <cell r="AV920">
            <v>0</v>
          </cell>
          <cell r="AW920">
            <v>0</v>
          </cell>
          <cell r="AX920">
            <v>0</v>
          </cell>
          <cell r="AY920">
            <v>0</v>
          </cell>
        </row>
        <row r="921">
          <cell r="A921" t="str">
            <v>MCG_clienti_VP</v>
          </cell>
          <cell r="AS921">
            <v>0</v>
          </cell>
          <cell r="AT921">
            <v>0</v>
          </cell>
          <cell r="AU921">
            <v>0</v>
          </cell>
          <cell r="AV921">
            <v>0</v>
          </cell>
          <cell r="AW921">
            <v>0</v>
          </cell>
          <cell r="AX921">
            <v>0</v>
          </cell>
          <cell r="AY921">
            <v>0</v>
          </cell>
        </row>
        <row r="922">
          <cell r="A922" t="str">
            <v>MLE_clienti_VP</v>
          </cell>
          <cell r="AS922">
            <v>0</v>
          </cell>
          <cell r="AT922">
            <v>0</v>
          </cell>
          <cell r="AU922">
            <v>0</v>
          </cell>
          <cell r="AV922">
            <v>0</v>
          </cell>
          <cell r="AW922">
            <v>0</v>
          </cell>
          <cell r="AX922">
            <v>0</v>
          </cell>
          <cell r="AY922">
            <v>0</v>
          </cell>
        </row>
        <row r="923">
          <cell r="A923" t="str">
            <v>MFA_clienti_VP</v>
          </cell>
          <cell r="AS923">
            <v>0</v>
          </cell>
          <cell r="AT923">
            <v>0</v>
          </cell>
          <cell r="AU923">
            <v>0</v>
          </cell>
          <cell r="AV923">
            <v>0</v>
          </cell>
          <cell r="AW923">
            <v>0</v>
          </cell>
          <cell r="AX923">
            <v>0</v>
          </cell>
          <cell r="AY923">
            <v>0</v>
          </cell>
        </row>
        <row r="924">
          <cell r="A924" t="str">
            <v>MBQ_clienti_VP</v>
          </cell>
          <cell r="AS924">
            <v>0</v>
          </cell>
          <cell r="AT924">
            <v>0</v>
          </cell>
          <cell r="AU924">
            <v>0</v>
          </cell>
          <cell r="AV924">
            <v>0</v>
          </cell>
          <cell r="AW924">
            <v>0</v>
          </cell>
          <cell r="AX924">
            <v>0</v>
          </cell>
          <cell r="AY924">
            <v>0</v>
          </cell>
        </row>
        <row r="925">
          <cell r="A925" t="str">
            <v>MBG_clienti_VP</v>
          </cell>
          <cell r="AS925">
            <v>0</v>
          </cell>
          <cell r="AT925">
            <v>0</v>
          </cell>
          <cell r="AU925">
            <v>0</v>
          </cell>
          <cell r="AV925">
            <v>0</v>
          </cell>
          <cell r="AW925">
            <v>0</v>
          </cell>
          <cell r="AX925">
            <v>0</v>
          </cell>
          <cell r="AY925">
            <v>0</v>
          </cell>
        </row>
        <row r="926">
          <cell r="A926" t="str">
            <v>WID_clienti_VP</v>
          </cell>
          <cell r="AS926">
            <v>0</v>
          </cell>
          <cell r="AT926">
            <v>0</v>
          </cell>
          <cell r="AU926">
            <v>0</v>
          </cell>
          <cell r="AV926">
            <v>0</v>
          </cell>
          <cell r="AW926">
            <v>0</v>
          </cell>
          <cell r="AX926">
            <v>0</v>
          </cell>
          <cell r="AY926">
            <v>0</v>
          </cell>
        </row>
        <row r="927">
          <cell r="A927" t="str">
            <v>FIN_clienti_VP</v>
          </cell>
          <cell r="AS927">
            <v>0</v>
          </cell>
          <cell r="AT927">
            <v>0</v>
          </cell>
          <cell r="AU927">
            <v>0</v>
          </cell>
          <cell r="AV927">
            <v>0</v>
          </cell>
          <cell r="AW927">
            <v>0</v>
          </cell>
          <cell r="AX927">
            <v>0</v>
          </cell>
          <cell r="AY927">
            <v>0</v>
          </cell>
        </row>
        <row r="928">
          <cell r="A928" t="str">
            <v>ALM_clienti_VP</v>
          </cell>
          <cell r="AS928">
            <v>0</v>
          </cell>
          <cell r="AT928">
            <v>0</v>
          </cell>
          <cell r="AU928">
            <v>0</v>
          </cell>
          <cell r="AV928">
            <v>0</v>
          </cell>
          <cell r="AW928">
            <v>0</v>
          </cell>
          <cell r="AX928">
            <v>0</v>
          </cell>
          <cell r="AY928">
            <v>0</v>
          </cell>
        </row>
        <row r="929">
          <cell r="A929" t="str">
            <v>FUO_clienti_VP</v>
          </cell>
          <cell r="AS929">
            <v>0</v>
          </cell>
          <cell r="AT929">
            <v>0</v>
          </cell>
          <cell r="AU929">
            <v>0</v>
          </cell>
          <cell r="AV929">
            <v>0</v>
          </cell>
          <cell r="AW929">
            <v>0</v>
          </cell>
          <cell r="AX929">
            <v>0</v>
          </cell>
          <cell r="AY929">
            <v>0</v>
          </cell>
        </row>
        <row r="930">
          <cell r="A930" t="str">
            <v>XXX_clienti_VP</v>
          </cell>
          <cell r="AS930">
            <v>0</v>
          </cell>
          <cell r="AT930">
            <v>0</v>
          </cell>
          <cell r="AU930">
            <v>0</v>
          </cell>
          <cell r="AV930">
            <v>0</v>
          </cell>
          <cell r="AW930">
            <v>0</v>
          </cell>
          <cell r="AX930">
            <v>0</v>
          </cell>
          <cell r="AY930">
            <v>0</v>
          </cell>
        </row>
        <row r="931">
          <cell r="A931" t="str">
            <v>TOT_clienti_VP</v>
          </cell>
          <cell r="AS931">
            <v>0</v>
          </cell>
          <cell r="AT931">
            <v>0</v>
          </cell>
          <cell r="AU931">
            <v>0</v>
          </cell>
          <cell r="AV931">
            <v>-25311</v>
          </cell>
          <cell r="AW931">
            <v>0</v>
          </cell>
          <cell r="AX931">
            <v>0</v>
          </cell>
          <cell r="AY931">
            <v>0</v>
          </cell>
        </row>
        <row r="932">
          <cell r="A932" t="str">
            <v>Val_pos_VP</v>
          </cell>
          <cell r="AS932">
            <v>0</v>
          </cell>
          <cell r="AT932">
            <v>0</v>
          </cell>
          <cell r="AU932">
            <v>0</v>
          </cell>
          <cell r="AV932">
            <v>-20</v>
          </cell>
          <cell r="AW932">
            <v>0</v>
          </cell>
          <cell r="AX932">
            <v>0</v>
          </cell>
          <cell r="AY932">
            <v>0</v>
          </cell>
        </row>
        <row r="933">
          <cell r="A933" t="str">
            <v>Pre_pos_VP</v>
          </cell>
          <cell r="AS933">
            <v>0</v>
          </cell>
          <cell r="AT933">
            <v>0</v>
          </cell>
          <cell r="AU933">
            <v>0</v>
          </cell>
          <cell r="AV933">
            <v>-3</v>
          </cell>
          <cell r="AW933">
            <v>0</v>
          </cell>
          <cell r="AX933">
            <v>0</v>
          </cell>
          <cell r="AY933">
            <v>0</v>
          </cell>
        </row>
        <row r="934">
          <cell r="A934" t="str">
            <v>Sma_pos_VP</v>
          </cell>
          <cell r="AS934">
            <v>0</v>
          </cell>
          <cell r="AT934">
            <v>0</v>
          </cell>
          <cell r="AU934">
            <v>0</v>
          </cell>
          <cell r="AV934">
            <v>572</v>
          </cell>
          <cell r="AW934">
            <v>0</v>
          </cell>
          <cell r="AX934">
            <v>0</v>
          </cell>
          <cell r="AY934">
            <v>0</v>
          </cell>
        </row>
        <row r="935">
          <cell r="A935" t="str">
            <v>Pri_pos_VP</v>
          </cell>
          <cell r="AS935">
            <v>0</v>
          </cell>
          <cell r="AT935">
            <v>0</v>
          </cell>
          <cell r="AU935">
            <v>0</v>
          </cell>
          <cell r="AV935">
            <v>-11.000000000000028</v>
          </cell>
          <cell r="AW935">
            <v>0</v>
          </cell>
          <cell r="AX935">
            <v>0</v>
          </cell>
          <cell r="AY935">
            <v>0</v>
          </cell>
        </row>
        <row r="936">
          <cell r="A936" t="str">
            <v>Fam_pos_VP</v>
          </cell>
          <cell r="AS936">
            <v>0</v>
          </cell>
          <cell r="AT936">
            <v>0</v>
          </cell>
          <cell r="AU936">
            <v>0</v>
          </cell>
          <cell r="AV936">
            <v>13</v>
          </cell>
          <cell r="AW936">
            <v>0</v>
          </cell>
          <cell r="AX936">
            <v>0</v>
          </cell>
          <cell r="AY936">
            <v>0</v>
          </cell>
        </row>
        <row r="937">
          <cell r="A937" t="str">
            <v>PMI_pos_VP</v>
          </cell>
          <cell r="AS937">
            <v>0</v>
          </cell>
          <cell r="AT937">
            <v>0</v>
          </cell>
          <cell r="AU937">
            <v>0</v>
          </cell>
          <cell r="AV937">
            <v>282</v>
          </cell>
          <cell r="AW937">
            <v>0</v>
          </cell>
          <cell r="AX937">
            <v>0</v>
          </cell>
          <cell r="AY937">
            <v>0</v>
          </cell>
        </row>
        <row r="938">
          <cell r="A938" t="str">
            <v>ENT_pos_VP</v>
          </cell>
          <cell r="AS938">
            <v>0</v>
          </cell>
          <cell r="AT938">
            <v>0</v>
          </cell>
          <cell r="AU938">
            <v>0</v>
          </cell>
          <cell r="AV938">
            <v>47</v>
          </cell>
          <cell r="AW938">
            <v>0</v>
          </cell>
          <cell r="AX938">
            <v>0</v>
          </cell>
          <cell r="AY938">
            <v>0</v>
          </cell>
        </row>
        <row r="939">
          <cell r="A939" t="str">
            <v>Cor_pos_VP</v>
          </cell>
          <cell r="AS939">
            <v>0</v>
          </cell>
          <cell r="AT939">
            <v>0</v>
          </cell>
          <cell r="AU939">
            <v>0</v>
          </cell>
          <cell r="AV939">
            <v>177</v>
          </cell>
          <cell r="AW939">
            <v>0</v>
          </cell>
          <cell r="AX939">
            <v>0</v>
          </cell>
          <cell r="AY939">
            <v>0</v>
          </cell>
        </row>
        <row r="940">
          <cell r="A940" t="str">
            <v>Gra_pos_VP</v>
          </cell>
          <cell r="AS940">
            <v>0</v>
          </cell>
          <cell r="AT940">
            <v>0</v>
          </cell>
          <cell r="AU940">
            <v>0</v>
          </cell>
          <cell r="AV940">
            <v>-26.000000000000455</v>
          </cell>
          <cell r="AW940">
            <v>0</v>
          </cell>
          <cell r="AX940">
            <v>0</v>
          </cell>
          <cell r="AY940">
            <v>0</v>
          </cell>
        </row>
        <row r="941">
          <cell r="A941" t="str">
            <v>FEX_pos_VP</v>
          </cell>
          <cell r="AS941">
            <v>0</v>
          </cell>
          <cell r="AT941">
            <v>0</v>
          </cell>
          <cell r="AU941">
            <v>0</v>
          </cell>
          <cell r="AV941">
            <v>0</v>
          </cell>
          <cell r="AW941">
            <v>0</v>
          </cell>
          <cell r="AX941">
            <v>0</v>
          </cell>
          <cell r="AY941">
            <v>0</v>
          </cell>
        </row>
        <row r="942">
          <cell r="A942" t="str">
            <v>MCL_pos_VP</v>
          </cell>
          <cell r="AS942">
            <v>0</v>
          </cell>
          <cell r="AT942">
            <v>0</v>
          </cell>
          <cell r="AU942">
            <v>0</v>
          </cell>
          <cell r="AV942">
            <v>0</v>
          </cell>
          <cell r="AW942">
            <v>0</v>
          </cell>
          <cell r="AX942">
            <v>0</v>
          </cell>
          <cell r="AY942">
            <v>0</v>
          </cell>
        </row>
        <row r="943">
          <cell r="A943" t="str">
            <v>MCG_pos_VP</v>
          </cell>
          <cell r="AS943">
            <v>0</v>
          </cell>
          <cell r="AT943">
            <v>0</v>
          </cell>
          <cell r="AU943">
            <v>0</v>
          </cell>
          <cell r="AV943">
            <v>0</v>
          </cell>
          <cell r="AW943">
            <v>0</v>
          </cell>
          <cell r="AX943">
            <v>0</v>
          </cell>
          <cell r="AY943">
            <v>0</v>
          </cell>
        </row>
        <row r="944">
          <cell r="A944" t="str">
            <v>MLE_pos_VP</v>
          </cell>
          <cell r="AS944">
            <v>0</v>
          </cell>
          <cell r="AT944">
            <v>0</v>
          </cell>
          <cell r="AU944">
            <v>0</v>
          </cell>
          <cell r="AV944">
            <v>0</v>
          </cell>
          <cell r="AW944">
            <v>0</v>
          </cell>
          <cell r="AX944">
            <v>0</v>
          </cell>
          <cell r="AY944">
            <v>0</v>
          </cell>
        </row>
        <row r="945">
          <cell r="A945" t="str">
            <v>MFA_pos_VP</v>
          </cell>
          <cell r="AS945">
            <v>0</v>
          </cell>
          <cell r="AT945">
            <v>0</v>
          </cell>
          <cell r="AU945">
            <v>0</v>
          </cell>
          <cell r="AV945">
            <v>0</v>
          </cell>
          <cell r="AW945">
            <v>0</v>
          </cell>
          <cell r="AX945">
            <v>0</v>
          </cell>
          <cell r="AY945">
            <v>0</v>
          </cell>
        </row>
        <row r="946">
          <cell r="A946" t="str">
            <v>MBQ_pos_VP</v>
          </cell>
          <cell r="AS946">
            <v>0</v>
          </cell>
          <cell r="AT946">
            <v>0</v>
          </cell>
          <cell r="AU946">
            <v>0</v>
          </cell>
          <cell r="AV946">
            <v>0</v>
          </cell>
          <cell r="AW946">
            <v>0</v>
          </cell>
          <cell r="AX946">
            <v>0</v>
          </cell>
          <cell r="AY946">
            <v>0</v>
          </cell>
        </row>
        <row r="947">
          <cell r="A947" t="str">
            <v>MBG_pos_VP</v>
          </cell>
          <cell r="AS947">
            <v>0</v>
          </cell>
          <cell r="AT947">
            <v>0</v>
          </cell>
          <cell r="AU947">
            <v>0</v>
          </cell>
          <cell r="AV947">
            <v>0</v>
          </cell>
          <cell r="AW947">
            <v>0</v>
          </cell>
          <cell r="AX947">
            <v>0</v>
          </cell>
          <cell r="AY947">
            <v>0</v>
          </cell>
        </row>
        <row r="948">
          <cell r="A948" t="str">
            <v>WID_pos_VP</v>
          </cell>
          <cell r="AS948">
            <v>0</v>
          </cell>
          <cell r="AT948">
            <v>0</v>
          </cell>
          <cell r="AU948">
            <v>0</v>
          </cell>
          <cell r="AV948">
            <v>0</v>
          </cell>
          <cell r="AW948">
            <v>0</v>
          </cell>
          <cell r="AX948">
            <v>0</v>
          </cell>
          <cell r="AY948">
            <v>0</v>
          </cell>
        </row>
        <row r="949">
          <cell r="A949" t="str">
            <v>FIN_pos_VP</v>
          </cell>
          <cell r="AS949">
            <v>0</v>
          </cell>
          <cell r="AT949">
            <v>0</v>
          </cell>
          <cell r="AU949">
            <v>0</v>
          </cell>
          <cell r="AV949">
            <v>0</v>
          </cell>
          <cell r="AW949">
            <v>0</v>
          </cell>
          <cell r="AX949">
            <v>0</v>
          </cell>
          <cell r="AY949">
            <v>0</v>
          </cell>
        </row>
        <row r="950">
          <cell r="A950" t="str">
            <v>ALM_pos_VP</v>
          </cell>
          <cell r="AS950">
            <v>0</v>
          </cell>
          <cell r="AT950">
            <v>0</v>
          </cell>
          <cell r="AU950">
            <v>0</v>
          </cell>
          <cell r="AV950">
            <v>0</v>
          </cell>
          <cell r="AW950">
            <v>0</v>
          </cell>
          <cell r="AX950">
            <v>0</v>
          </cell>
          <cell r="AY950">
            <v>0</v>
          </cell>
        </row>
        <row r="951">
          <cell r="A951" t="str">
            <v>FUO_pos_VP</v>
          </cell>
          <cell r="AS951">
            <v>0</v>
          </cell>
          <cell r="AT951">
            <v>0</v>
          </cell>
          <cell r="AU951">
            <v>0</v>
          </cell>
          <cell r="AV951">
            <v>0</v>
          </cell>
          <cell r="AW951">
            <v>0</v>
          </cell>
          <cell r="AX951">
            <v>0</v>
          </cell>
          <cell r="AY951">
            <v>0</v>
          </cell>
        </row>
        <row r="952">
          <cell r="A952" t="str">
            <v>XXX_pos_VP</v>
          </cell>
          <cell r="AS952">
            <v>0</v>
          </cell>
          <cell r="AT952">
            <v>0</v>
          </cell>
          <cell r="AU952">
            <v>0</v>
          </cell>
          <cell r="AV952">
            <v>0</v>
          </cell>
          <cell r="AW952">
            <v>0</v>
          </cell>
          <cell r="AX952">
            <v>0</v>
          </cell>
          <cell r="AY952">
            <v>0</v>
          </cell>
        </row>
        <row r="953">
          <cell r="A953" t="str">
            <v>TOT_pos_VP</v>
          </cell>
          <cell r="AS953">
            <v>0</v>
          </cell>
          <cell r="AT953">
            <v>0</v>
          </cell>
          <cell r="AU953">
            <v>0</v>
          </cell>
          <cell r="AV953">
            <v>1031</v>
          </cell>
          <cell r="AW953">
            <v>0</v>
          </cell>
          <cell r="AX953">
            <v>0</v>
          </cell>
          <cell r="AY953">
            <v>0</v>
          </cell>
        </row>
        <row r="954">
          <cell r="A954" t="str">
            <v>Val_atm_VP</v>
          </cell>
          <cell r="AS954">
            <v>0</v>
          </cell>
          <cell r="AT954">
            <v>0</v>
          </cell>
          <cell r="AU954">
            <v>0</v>
          </cell>
          <cell r="AV954">
            <v>0</v>
          </cell>
          <cell r="AW954">
            <v>0</v>
          </cell>
          <cell r="AX954">
            <v>0</v>
          </cell>
          <cell r="AY954">
            <v>0</v>
          </cell>
        </row>
        <row r="955">
          <cell r="A955" t="str">
            <v>Pre_atm_VP</v>
          </cell>
          <cell r="AS955">
            <v>0</v>
          </cell>
          <cell r="AT955">
            <v>0</v>
          </cell>
          <cell r="AU955">
            <v>0</v>
          </cell>
          <cell r="AV955">
            <v>0</v>
          </cell>
          <cell r="AW955">
            <v>0</v>
          </cell>
          <cell r="AX955">
            <v>0</v>
          </cell>
          <cell r="AY955">
            <v>0</v>
          </cell>
        </row>
        <row r="956">
          <cell r="A956" t="str">
            <v>Sma_atm_VP</v>
          </cell>
          <cell r="AS956">
            <v>0</v>
          </cell>
          <cell r="AT956">
            <v>0</v>
          </cell>
          <cell r="AU956">
            <v>0</v>
          </cell>
          <cell r="AV956">
            <v>0</v>
          </cell>
          <cell r="AW956">
            <v>0</v>
          </cell>
          <cell r="AX956">
            <v>0</v>
          </cell>
          <cell r="AY956">
            <v>0</v>
          </cell>
        </row>
        <row r="957">
          <cell r="A957" t="str">
            <v>Pri_atm_VP</v>
          </cell>
          <cell r="AS957">
            <v>0</v>
          </cell>
          <cell r="AT957">
            <v>0</v>
          </cell>
          <cell r="AU957">
            <v>0</v>
          </cell>
          <cell r="AV957">
            <v>0</v>
          </cell>
          <cell r="AW957">
            <v>0</v>
          </cell>
          <cell r="AX957">
            <v>0</v>
          </cell>
          <cell r="AY957">
            <v>0</v>
          </cell>
        </row>
        <row r="958">
          <cell r="A958" t="str">
            <v>Fam_atm_VP</v>
          </cell>
          <cell r="AS958">
            <v>0</v>
          </cell>
          <cell r="AT958">
            <v>0</v>
          </cell>
          <cell r="AU958">
            <v>0</v>
          </cell>
          <cell r="AV958">
            <v>0</v>
          </cell>
          <cell r="AW958">
            <v>0</v>
          </cell>
          <cell r="AX958">
            <v>0</v>
          </cell>
          <cell r="AY958">
            <v>0</v>
          </cell>
        </row>
        <row r="959">
          <cell r="A959" t="str">
            <v>PMI_atm_VP</v>
          </cell>
          <cell r="AS959">
            <v>0</v>
          </cell>
          <cell r="AT959">
            <v>0</v>
          </cell>
          <cell r="AU959">
            <v>0</v>
          </cell>
          <cell r="AV959">
            <v>0</v>
          </cell>
          <cell r="AW959">
            <v>0</v>
          </cell>
          <cell r="AX959">
            <v>0</v>
          </cell>
          <cell r="AY959">
            <v>0</v>
          </cell>
        </row>
        <row r="960">
          <cell r="A960" t="str">
            <v>ENT_atm_VP</v>
          </cell>
          <cell r="AS960">
            <v>0</v>
          </cell>
          <cell r="AT960">
            <v>0</v>
          </cell>
          <cell r="AU960">
            <v>0</v>
          </cell>
          <cell r="AV960">
            <v>0</v>
          </cell>
          <cell r="AW960">
            <v>0</v>
          </cell>
          <cell r="AX960">
            <v>0</v>
          </cell>
          <cell r="AY960">
            <v>0</v>
          </cell>
        </row>
        <row r="961">
          <cell r="A961" t="str">
            <v>Cor_atm_VP</v>
          </cell>
          <cell r="AS961">
            <v>0</v>
          </cell>
          <cell r="AT961">
            <v>0</v>
          </cell>
          <cell r="AU961">
            <v>0</v>
          </cell>
          <cell r="AV961">
            <v>0</v>
          </cell>
          <cell r="AW961">
            <v>0</v>
          </cell>
          <cell r="AX961">
            <v>0</v>
          </cell>
          <cell r="AY961">
            <v>0</v>
          </cell>
        </row>
        <row r="962">
          <cell r="A962" t="str">
            <v>Gra_atm_VP</v>
          </cell>
          <cell r="AS962">
            <v>0</v>
          </cell>
          <cell r="AT962">
            <v>0</v>
          </cell>
          <cell r="AU962">
            <v>0</v>
          </cell>
          <cell r="AV962">
            <v>-5.6843418860808015E-14</v>
          </cell>
          <cell r="AW962">
            <v>0</v>
          </cell>
          <cell r="AX962">
            <v>0</v>
          </cell>
          <cell r="AY962">
            <v>0</v>
          </cell>
        </row>
        <row r="963">
          <cell r="A963" t="str">
            <v>FEX_atm_VP</v>
          </cell>
          <cell r="AS963">
            <v>0</v>
          </cell>
          <cell r="AT963">
            <v>0</v>
          </cell>
          <cell r="AU963">
            <v>0</v>
          </cell>
          <cell r="AV963">
            <v>0</v>
          </cell>
          <cell r="AW963">
            <v>0</v>
          </cell>
          <cell r="AX963">
            <v>0</v>
          </cell>
          <cell r="AY963">
            <v>0</v>
          </cell>
        </row>
        <row r="964">
          <cell r="A964" t="str">
            <v>MCL_atm_VP</v>
          </cell>
          <cell r="AS964">
            <v>0</v>
          </cell>
          <cell r="AT964">
            <v>0</v>
          </cell>
          <cell r="AU964">
            <v>0</v>
          </cell>
          <cell r="AV964">
            <v>0</v>
          </cell>
          <cell r="AW964">
            <v>0</v>
          </cell>
          <cell r="AX964">
            <v>0</v>
          </cell>
          <cell r="AY964">
            <v>0</v>
          </cell>
        </row>
        <row r="965">
          <cell r="A965" t="str">
            <v>MCG_atm_VP</v>
          </cell>
          <cell r="AS965">
            <v>0</v>
          </cell>
          <cell r="AT965">
            <v>0</v>
          </cell>
          <cell r="AU965">
            <v>0</v>
          </cell>
          <cell r="AV965">
            <v>0</v>
          </cell>
          <cell r="AW965">
            <v>0</v>
          </cell>
          <cell r="AX965">
            <v>0</v>
          </cell>
          <cell r="AY965">
            <v>0</v>
          </cell>
        </row>
        <row r="966">
          <cell r="A966" t="str">
            <v>MLE_atm_VP</v>
          </cell>
          <cell r="AS966">
            <v>0</v>
          </cell>
          <cell r="AT966">
            <v>0</v>
          </cell>
          <cell r="AU966">
            <v>0</v>
          </cell>
          <cell r="AV966">
            <v>0</v>
          </cell>
          <cell r="AW966">
            <v>0</v>
          </cell>
          <cell r="AX966">
            <v>0</v>
          </cell>
          <cell r="AY966">
            <v>0</v>
          </cell>
        </row>
        <row r="967">
          <cell r="A967" t="str">
            <v>MFA_atm_VP</v>
          </cell>
          <cell r="AS967">
            <v>0</v>
          </cell>
          <cell r="AT967">
            <v>0</v>
          </cell>
          <cell r="AU967">
            <v>0</v>
          </cell>
          <cell r="AV967">
            <v>0</v>
          </cell>
          <cell r="AW967">
            <v>0</v>
          </cell>
          <cell r="AX967">
            <v>0</v>
          </cell>
          <cell r="AY967">
            <v>0</v>
          </cell>
        </row>
        <row r="968">
          <cell r="A968" t="str">
            <v>MBQ_atm_VP</v>
          </cell>
          <cell r="AS968">
            <v>0</v>
          </cell>
          <cell r="AT968">
            <v>0</v>
          </cell>
          <cell r="AU968">
            <v>0</v>
          </cell>
          <cell r="AV968">
            <v>0</v>
          </cell>
          <cell r="AW968">
            <v>0</v>
          </cell>
          <cell r="AX968">
            <v>0</v>
          </cell>
          <cell r="AY968">
            <v>0</v>
          </cell>
        </row>
        <row r="969">
          <cell r="A969" t="str">
            <v>MBG_atm_VP</v>
          </cell>
          <cell r="AS969">
            <v>0</v>
          </cell>
          <cell r="AT969">
            <v>0</v>
          </cell>
          <cell r="AU969">
            <v>0</v>
          </cell>
          <cell r="AV969">
            <v>0</v>
          </cell>
          <cell r="AW969">
            <v>0</v>
          </cell>
          <cell r="AX969">
            <v>0</v>
          </cell>
          <cell r="AY969">
            <v>0</v>
          </cell>
        </row>
        <row r="970">
          <cell r="A970" t="str">
            <v>WID_atm_VP</v>
          </cell>
          <cell r="AS970">
            <v>0</v>
          </cell>
          <cell r="AT970">
            <v>0</v>
          </cell>
          <cell r="AU970">
            <v>0</v>
          </cell>
          <cell r="AV970">
            <v>0</v>
          </cell>
          <cell r="AW970">
            <v>0</v>
          </cell>
          <cell r="AX970">
            <v>0</v>
          </cell>
          <cell r="AY970">
            <v>0</v>
          </cell>
        </row>
        <row r="971">
          <cell r="A971" t="str">
            <v>FIN_atm_VP</v>
          </cell>
          <cell r="AS971">
            <v>0</v>
          </cell>
          <cell r="AT971">
            <v>0</v>
          </cell>
          <cell r="AU971">
            <v>0</v>
          </cell>
          <cell r="AV971">
            <v>0</v>
          </cell>
          <cell r="AW971">
            <v>0</v>
          </cell>
          <cell r="AX971">
            <v>0</v>
          </cell>
          <cell r="AY971">
            <v>0</v>
          </cell>
        </row>
        <row r="972">
          <cell r="A972" t="str">
            <v>ALM_atm_VP</v>
          </cell>
          <cell r="AS972">
            <v>0</v>
          </cell>
          <cell r="AT972">
            <v>0</v>
          </cell>
          <cell r="AU972">
            <v>0</v>
          </cell>
          <cell r="AV972">
            <v>0</v>
          </cell>
          <cell r="AW972">
            <v>0</v>
          </cell>
          <cell r="AX972">
            <v>0</v>
          </cell>
          <cell r="AY972">
            <v>0</v>
          </cell>
        </row>
        <row r="973">
          <cell r="A973" t="str">
            <v>FUO_atm_VP</v>
          </cell>
          <cell r="AS973">
            <v>0</v>
          </cell>
          <cell r="AT973">
            <v>0</v>
          </cell>
          <cell r="AU973">
            <v>0</v>
          </cell>
          <cell r="AV973">
            <v>0</v>
          </cell>
          <cell r="AW973">
            <v>0</v>
          </cell>
          <cell r="AX973">
            <v>0</v>
          </cell>
          <cell r="AY973">
            <v>0</v>
          </cell>
        </row>
        <row r="974">
          <cell r="A974" t="str">
            <v>XXX_atm_VP</v>
          </cell>
          <cell r="AS974">
            <v>0</v>
          </cell>
          <cell r="AT974">
            <v>0</v>
          </cell>
          <cell r="AU974">
            <v>0</v>
          </cell>
          <cell r="AV974">
            <v>0</v>
          </cell>
          <cell r="AW974">
            <v>0</v>
          </cell>
          <cell r="AX974">
            <v>0</v>
          </cell>
          <cell r="AY974">
            <v>0</v>
          </cell>
        </row>
        <row r="975">
          <cell r="A975" t="str">
            <v>TOT_atm_VP</v>
          </cell>
          <cell r="AS975">
            <v>0</v>
          </cell>
          <cell r="AT975">
            <v>0</v>
          </cell>
          <cell r="AU975">
            <v>0</v>
          </cell>
          <cell r="AV975">
            <v>0</v>
          </cell>
          <cell r="AW975">
            <v>0</v>
          </cell>
          <cell r="AX975">
            <v>0</v>
          </cell>
          <cell r="AY975">
            <v>0</v>
          </cell>
        </row>
        <row r="976">
          <cell r="A976" t="str">
            <v>Val_debit_VP</v>
          </cell>
          <cell r="AS976">
            <v>0</v>
          </cell>
          <cell r="AT976">
            <v>0</v>
          </cell>
          <cell r="AU976">
            <v>0</v>
          </cell>
          <cell r="AV976">
            <v>-13304</v>
          </cell>
          <cell r="AW976">
            <v>0</v>
          </cell>
          <cell r="AX976">
            <v>0</v>
          </cell>
          <cell r="AY976">
            <v>0</v>
          </cell>
        </row>
        <row r="977">
          <cell r="A977" t="str">
            <v>Pre_debit_VP</v>
          </cell>
          <cell r="AS977">
            <v>0</v>
          </cell>
          <cell r="AT977">
            <v>0</v>
          </cell>
          <cell r="AU977">
            <v>0</v>
          </cell>
          <cell r="AV977">
            <v>2111</v>
          </cell>
          <cell r="AW977">
            <v>0</v>
          </cell>
          <cell r="AX977">
            <v>0</v>
          </cell>
          <cell r="AY977">
            <v>0</v>
          </cell>
        </row>
        <row r="978">
          <cell r="A978" t="str">
            <v>Sma_debit_VP</v>
          </cell>
          <cell r="AS978">
            <v>0</v>
          </cell>
          <cell r="AT978">
            <v>0</v>
          </cell>
          <cell r="AU978">
            <v>0</v>
          </cell>
          <cell r="AV978">
            <v>1075</v>
          </cell>
          <cell r="AW978">
            <v>0</v>
          </cell>
          <cell r="AX978">
            <v>0</v>
          </cell>
          <cell r="AY978">
            <v>0</v>
          </cell>
        </row>
        <row r="979">
          <cell r="A979" t="str">
            <v>Pri_debit_VP</v>
          </cell>
          <cell r="AS979">
            <v>0</v>
          </cell>
          <cell r="AT979">
            <v>0</v>
          </cell>
          <cell r="AU979">
            <v>0</v>
          </cell>
          <cell r="AV979">
            <v>-75</v>
          </cell>
          <cell r="AW979">
            <v>0</v>
          </cell>
          <cell r="AX979">
            <v>0</v>
          </cell>
          <cell r="AY979">
            <v>0</v>
          </cell>
        </row>
        <row r="980">
          <cell r="A980" t="str">
            <v>Fam_debit_VP</v>
          </cell>
          <cell r="AS980">
            <v>0</v>
          </cell>
          <cell r="AT980">
            <v>0</v>
          </cell>
          <cell r="AU980">
            <v>0</v>
          </cell>
          <cell r="AV980">
            <v>55</v>
          </cell>
          <cell r="AW980">
            <v>0</v>
          </cell>
          <cell r="AX980">
            <v>0</v>
          </cell>
          <cell r="AY980">
            <v>0</v>
          </cell>
        </row>
        <row r="981">
          <cell r="A981" t="str">
            <v>PMI_debit_VP</v>
          </cell>
          <cell r="AS981">
            <v>0</v>
          </cell>
          <cell r="AT981">
            <v>0</v>
          </cell>
          <cell r="AU981">
            <v>0</v>
          </cell>
          <cell r="AV981">
            <v>-278</v>
          </cell>
          <cell r="AW981">
            <v>0</v>
          </cell>
          <cell r="AX981">
            <v>0</v>
          </cell>
          <cell r="AY981">
            <v>0</v>
          </cell>
        </row>
        <row r="982">
          <cell r="A982" t="str">
            <v>ENT_debit_VP</v>
          </cell>
          <cell r="AS982">
            <v>0</v>
          </cell>
          <cell r="AT982">
            <v>0</v>
          </cell>
          <cell r="AU982">
            <v>0</v>
          </cell>
          <cell r="AV982">
            <v>-45</v>
          </cell>
          <cell r="AW982">
            <v>0</v>
          </cell>
          <cell r="AX982">
            <v>0</v>
          </cell>
          <cell r="AY982">
            <v>0</v>
          </cell>
        </row>
        <row r="983">
          <cell r="A983" t="str">
            <v>Cor_debit_VP</v>
          </cell>
          <cell r="AS983">
            <v>0</v>
          </cell>
          <cell r="AT983">
            <v>0</v>
          </cell>
          <cell r="AU983">
            <v>0</v>
          </cell>
          <cell r="AV983">
            <v>-58</v>
          </cell>
          <cell r="AW983">
            <v>0</v>
          </cell>
          <cell r="AX983">
            <v>0</v>
          </cell>
          <cell r="AY983">
            <v>0</v>
          </cell>
        </row>
        <row r="984">
          <cell r="A984" t="str">
            <v>Gra_debit_VP</v>
          </cell>
          <cell r="AS984">
            <v>0</v>
          </cell>
          <cell r="AT984">
            <v>0</v>
          </cell>
          <cell r="AU984">
            <v>0</v>
          </cell>
          <cell r="AV984">
            <v>86</v>
          </cell>
          <cell r="AW984">
            <v>0</v>
          </cell>
          <cell r="AX984">
            <v>0</v>
          </cell>
          <cell r="AY984">
            <v>0</v>
          </cell>
        </row>
        <row r="985">
          <cell r="A985" t="str">
            <v>FEX_debit_VP</v>
          </cell>
          <cell r="AS985">
            <v>0</v>
          </cell>
          <cell r="AT985">
            <v>0</v>
          </cell>
          <cell r="AU985">
            <v>0</v>
          </cell>
          <cell r="AV985">
            <v>0</v>
          </cell>
          <cell r="AW985">
            <v>0</v>
          </cell>
          <cell r="AX985">
            <v>0</v>
          </cell>
          <cell r="AY985">
            <v>0</v>
          </cell>
        </row>
        <row r="986">
          <cell r="A986" t="str">
            <v>MCL_debit_VP</v>
          </cell>
          <cell r="AS986">
            <v>0</v>
          </cell>
          <cell r="AT986">
            <v>0</v>
          </cell>
          <cell r="AU986">
            <v>0</v>
          </cell>
          <cell r="AV986">
            <v>0</v>
          </cell>
          <cell r="AW986">
            <v>0</v>
          </cell>
          <cell r="AX986">
            <v>0</v>
          </cell>
          <cell r="AY986">
            <v>0</v>
          </cell>
        </row>
        <row r="987">
          <cell r="A987" t="str">
            <v>MCG_debit_VP</v>
          </cell>
          <cell r="AS987">
            <v>0</v>
          </cell>
          <cell r="AT987">
            <v>0</v>
          </cell>
          <cell r="AU987">
            <v>0</v>
          </cell>
          <cell r="AV987">
            <v>0</v>
          </cell>
          <cell r="AW987">
            <v>0</v>
          </cell>
          <cell r="AX987">
            <v>0</v>
          </cell>
          <cell r="AY987">
            <v>0</v>
          </cell>
        </row>
        <row r="988">
          <cell r="A988" t="str">
            <v>MLE_debit_VP</v>
          </cell>
          <cell r="AS988">
            <v>0</v>
          </cell>
          <cell r="AT988">
            <v>0</v>
          </cell>
          <cell r="AU988">
            <v>0</v>
          </cell>
          <cell r="AV988">
            <v>0</v>
          </cell>
          <cell r="AW988">
            <v>0</v>
          </cell>
          <cell r="AX988">
            <v>0</v>
          </cell>
          <cell r="AY988">
            <v>0</v>
          </cell>
        </row>
        <row r="989">
          <cell r="A989" t="str">
            <v>MFA_debit_VP</v>
          </cell>
          <cell r="AS989">
            <v>0</v>
          </cell>
          <cell r="AT989">
            <v>0</v>
          </cell>
          <cell r="AU989">
            <v>0</v>
          </cell>
          <cell r="AV989">
            <v>0</v>
          </cell>
          <cell r="AW989">
            <v>0</v>
          </cell>
          <cell r="AX989">
            <v>0</v>
          </cell>
          <cell r="AY989">
            <v>0</v>
          </cell>
        </row>
        <row r="990">
          <cell r="A990" t="str">
            <v>MBQ_debit_VP</v>
          </cell>
          <cell r="AS990">
            <v>0</v>
          </cell>
          <cell r="AT990">
            <v>0</v>
          </cell>
          <cell r="AU990">
            <v>0</v>
          </cell>
          <cell r="AV990">
            <v>0</v>
          </cell>
          <cell r="AW990">
            <v>0</v>
          </cell>
          <cell r="AX990">
            <v>0</v>
          </cell>
          <cell r="AY990">
            <v>0</v>
          </cell>
        </row>
        <row r="991">
          <cell r="A991" t="str">
            <v>MBG_debit_VP</v>
          </cell>
          <cell r="AS991">
            <v>0</v>
          </cell>
          <cell r="AT991">
            <v>0</v>
          </cell>
          <cell r="AU991">
            <v>0</v>
          </cell>
          <cell r="AV991">
            <v>0</v>
          </cell>
          <cell r="AW991">
            <v>0</v>
          </cell>
          <cell r="AX991">
            <v>0</v>
          </cell>
          <cell r="AY991">
            <v>0</v>
          </cell>
        </row>
        <row r="992">
          <cell r="A992" t="str">
            <v>WID_debit_VP</v>
          </cell>
          <cell r="AS992">
            <v>0</v>
          </cell>
          <cell r="AT992">
            <v>0</v>
          </cell>
          <cell r="AU992">
            <v>0</v>
          </cell>
          <cell r="AV992">
            <v>0</v>
          </cell>
          <cell r="AW992">
            <v>0</v>
          </cell>
          <cell r="AX992">
            <v>0</v>
          </cell>
          <cell r="AY992">
            <v>0</v>
          </cell>
        </row>
        <row r="993">
          <cell r="A993" t="str">
            <v>FIN_debit_VP</v>
          </cell>
          <cell r="AS993">
            <v>0</v>
          </cell>
          <cell r="AT993">
            <v>0</v>
          </cell>
          <cell r="AU993">
            <v>0</v>
          </cell>
          <cell r="AV993">
            <v>0</v>
          </cell>
          <cell r="AW993">
            <v>0</v>
          </cell>
          <cell r="AX993">
            <v>0</v>
          </cell>
          <cell r="AY993">
            <v>0</v>
          </cell>
        </row>
        <row r="994">
          <cell r="A994" t="str">
            <v>ALM_debit_VP</v>
          </cell>
          <cell r="AS994">
            <v>0</v>
          </cell>
          <cell r="AT994">
            <v>0</v>
          </cell>
          <cell r="AU994">
            <v>0</v>
          </cell>
          <cell r="AV994">
            <v>0</v>
          </cell>
          <cell r="AW994">
            <v>0</v>
          </cell>
          <cell r="AX994">
            <v>0</v>
          </cell>
          <cell r="AY994">
            <v>0</v>
          </cell>
        </row>
        <row r="995">
          <cell r="A995" t="str">
            <v>FUO_debit_VP</v>
          </cell>
          <cell r="AS995">
            <v>0</v>
          </cell>
          <cell r="AT995">
            <v>0</v>
          </cell>
          <cell r="AU995">
            <v>0</v>
          </cell>
          <cell r="AV995">
            <v>0</v>
          </cell>
          <cell r="AW995">
            <v>0</v>
          </cell>
          <cell r="AX995">
            <v>0</v>
          </cell>
          <cell r="AY995">
            <v>0</v>
          </cell>
        </row>
        <row r="996">
          <cell r="A996" t="str">
            <v>XXX_debit_VP</v>
          </cell>
          <cell r="AS996">
            <v>0</v>
          </cell>
          <cell r="AT996">
            <v>0</v>
          </cell>
          <cell r="AU996">
            <v>0</v>
          </cell>
          <cell r="AV996">
            <v>0</v>
          </cell>
          <cell r="AW996">
            <v>0</v>
          </cell>
          <cell r="AX996">
            <v>0</v>
          </cell>
          <cell r="AY996">
            <v>0</v>
          </cell>
        </row>
        <row r="997">
          <cell r="A997" t="str">
            <v>TOT_debit_VP</v>
          </cell>
          <cell r="AS997">
            <v>0</v>
          </cell>
          <cell r="AT997">
            <v>0</v>
          </cell>
          <cell r="AU997">
            <v>0</v>
          </cell>
          <cell r="AV997">
            <v>-10433</v>
          </cell>
          <cell r="AW997">
            <v>0</v>
          </cell>
          <cell r="AX997">
            <v>0</v>
          </cell>
          <cell r="AY997">
            <v>0</v>
          </cell>
        </row>
        <row r="998">
          <cell r="A998" t="str">
            <v>Val_credit_VP</v>
          </cell>
          <cell r="AS998">
            <v>0</v>
          </cell>
          <cell r="AT998">
            <v>0</v>
          </cell>
          <cell r="AU998">
            <v>0</v>
          </cell>
          <cell r="AV998">
            <v>200</v>
          </cell>
          <cell r="AW998">
            <v>0</v>
          </cell>
          <cell r="AX998">
            <v>0</v>
          </cell>
          <cell r="AY998">
            <v>0</v>
          </cell>
        </row>
        <row r="999">
          <cell r="A999" t="str">
            <v>Pre_credit_VP</v>
          </cell>
          <cell r="AS999">
            <v>0</v>
          </cell>
          <cell r="AT999">
            <v>0</v>
          </cell>
          <cell r="AU999">
            <v>0</v>
          </cell>
          <cell r="AV999">
            <v>-320</v>
          </cell>
          <cell r="AW999">
            <v>0</v>
          </cell>
          <cell r="AX999">
            <v>0</v>
          </cell>
          <cell r="AY999">
            <v>0</v>
          </cell>
        </row>
        <row r="1000">
          <cell r="A1000" t="str">
            <v>Sma_credit_VP</v>
          </cell>
          <cell r="AS1000">
            <v>0</v>
          </cell>
          <cell r="AT1000">
            <v>0</v>
          </cell>
          <cell r="AU1000">
            <v>0</v>
          </cell>
          <cell r="AV1000">
            <v>2282</v>
          </cell>
          <cell r="AW1000">
            <v>0</v>
          </cell>
          <cell r="AX1000">
            <v>0</v>
          </cell>
          <cell r="AY1000">
            <v>0</v>
          </cell>
        </row>
        <row r="1001">
          <cell r="A1001" t="str">
            <v>Pri_credit_VP</v>
          </cell>
          <cell r="AS1001">
            <v>0</v>
          </cell>
          <cell r="AT1001">
            <v>0</v>
          </cell>
          <cell r="AU1001">
            <v>0</v>
          </cell>
          <cell r="AV1001">
            <v>-69</v>
          </cell>
          <cell r="AW1001">
            <v>0</v>
          </cell>
          <cell r="AX1001">
            <v>0</v>
          </cell>
          <cell r="AY1001">
            <v>0</v>
          </cell>
        </row>
        <row r="1002">
          <cell r="A1002" t="str">
            <v>Fam_credit_VP</v>
          </cell>
          <cell r="AS1002">
            <v>0</v>
          </cell>
          <cell r="AT1002">
            <v>0</v>
          </cell>
          <cell r="AU1002">
            <v>0</v>
          </cell>
          <cell r="AV1002">
            <v>21.999999999999886</v>
          </cell>
          <cell r="AW1002">
            <v>0</v>
          </cell>
          <cell r="AX1002">
            <v>0</v>
          </cell>
          <cell r="AY1002">
            <v>0</v>
          </cell>
        </row>
        <row r="1003">
          <cell r="A1003" t="str">
            <v>PMI_credit_VP</v>
          </cell>
          <cell r="AS1003">
            <v>0</v>
          </cell>
          <cell r="AT1003">
            <v>0</v>
          </cell>
          <cell r="AU1003">
            <v>0</v>
          </cell>
          <cell r="AV1003">
            <v>31</v>
          </cell>
          <cell r="AW1003">
            <v>0</v>
          </cell>
          <cell r="AX1003">
            <v>0</v>
          </cell>
          <cell r="AY1003">
            <v>0</v>
          </cell>
        </row>
        <row r="1004">
          <cell r="A1004" t="str">
            <v>ENT_credit_VP</v>
          </cell>
          <cell r="AS1004">
            <v>0</v>
          </cell>
          <cell r="AT1004">
            <v>0</v>
          </cell>
          <cell r="AU1004">
            <v>0</v>
          </cell>
          <cell r="AV1004">
            <v>-61</v>
          </cell>
          <cell r="AW1004">
            <v>0</v>
          </cell>
          <cell r="AX1004">
            <v>0</v>
          </cell>
          <cell r="AY1004">
            <v>0</v>
          </cell>
        </row>
        <row r="1005">
          <cell r="A1005" t="str">
            <v>Cor_credit_VP</v>
          </cell>
          <cell r="AS1005">
            <v>0</v>
          </cell>
          <cell r="AT1005">
            <v>0</v>
          </cell>
          <cell r="AU1005">
            <v>0</v>
          </cell>
          <cell r="AV1005">
            <v>-166</v>
          </cell>
          <cell r="AW1005">
            <v>0</v>
          </cell>
          <cell r="AX1005">
            <v>0</v>
          </cell>
          <cell r="AY1005">
            <v>0</v>
          </cell>
        </row>
        <row r="1006">
          <cell r="A1006" t="str">
            <v>Gra_credit_VP</v>
          </cell>
          <cell r="AS1006">
            <v>0</v>
          </cell>
          <cell r="AT1006">
            <v>0</v>
          </cell>
          <cell r="AU1006">
            <v>0</v>
          </cell>
          <cell r="AV1006">
            <v>-37</v>
          </cell>
          <cell r="AW1006">
            <v>0</v>
          </cell>
          <cell r="AX1006">
            <v>0</v>
          </cell>
          <cell r="AY1006">
            <v>0</v>
          </cell>
        </row>
        <row r="1007">
          <cell r="A1007" t="str">
            <v>FEX_credit_VP</v>
          </cell>
          <cell r="AS1007">
            <v>0</v>
          </cell>
          <cell r="AT1007">
            <v>0</v>
          </cell>
          <cell r="AU1007">
            <v>0</v>
          </cell>
          <cell r="AV1007">
            <v>0</v>
          </cell>
          <cell r="AW1007">
            <v>0</v>
          </cell>
          <cell r="AX1007">
            <v>0</v>
          </cell>
          <cell r="AY1007">
            <v>0</v>
          </cell>
        </row>
        <row r="1008">
          <cell r="A1008" t="str">
            <v>MCL_credit_VP</v>
          </cell>
          <cell r="AS1008">
            <v>0</v>
          </cell>
          <cell r="AT1008">
            <v>0</v>
          </cell>
          <cell r="AU1008">
            <v>0</v>
          </cell>
          <cell r="AV1008">
            <v>0</v>
          </cell>
          <cell r="AW1008">
            <v>0</v>
          </cell>
          <cell r="AX1008">
            <v>0</v>
          </cell>
          <cell r="AY1008">
            <v>0</v>
          </cell>
        </row>
        <row r="1009">
          <cell r="A1009" t="str">
            <v>MCG_credit_VP</v>
          </cell>
          <cell r="AS1009">
            <v>0</v>
          </cell>
          <cell r="AT1009">
            <v>0</v>
          </cell>
          <cell r="AU1009">
            <v>0</v>
          </cell>
          <cell r="AV1009">
            <v>0</v>
          </cell>
          <cell r="AW1009">
            <v>0</v>
          </cell>
          <cell r="AX1009">
            <v>0</v>
          </cell>
          <cell r="AY1009">
            <v>0</v>
          </cell>
        </row>
        <row r="1010">
          <cell r="A1010" t="str">
            <v>MLE_credit_VP</v>
          </cell>
          <cell r="AS1010">
            <v>0</v>
          </cell>
          <cell r="AT1010">
            <v>0</v>
          </cell>
          <cell r="AU1010">
            <v>0</v>
          </cell>
          <cell r="AV1010">
            <v>0</v>
          </cell>
          <cell r="AW1010">
            <v>0</v>
          </cell>
          <cell r="AX1010">
            <v>0</v>
          </cell>
          <cell r="AY1010">
            <v>0</v>
          </cell>
        </row>
        <row r="1011">
          <cell r="A1011" t="str">
            <v>MFA_credit_VP</v>
          </cell>
          <cell r="AS1011">
            <v>0</v>
          </cell>
          <cell r="AT1011">
            <v>0</v>
          </cell>
          <cell r="AU1011">
            <v>0</v>
          </cell>
          <cell r="AV1011">
            <v>0</v>
          </cell>
          <cell r="AW1011">
            <v>0</v>
          </cell>
          <cell r="AX1011">
            <v>0</v>
          </cell>
          <cell r="AY1011">
            <v>0</v>
          </cell>
        </row>
        <row r="1012">
          <cell r="A1012" t="str">
            <v>MBQ_credit_VP</v>
          </cell>
          <cell r="AS1012">
            <v>0</v>
          </cell>
          <cell r="AT1012">
            <v>0</v>
          </cell>
          <cell r="AU1012">
            <v>0</v>
          </cell>
          <cell r="AV1012">
            <v>0</v>
          </cell>
          <cell r="AW1012">
            <v>0</v>
          </cell>
          <cell r="AX1012">
            <v>0</v>
          </cell>
          <cell r="AY1012">
            <v>0</v>
          </cell>
        </row>
        <row r="1013">
          <cell r="A1013" t="str">
            <v>MBG_credit_VP</v>
          </cell>
          <cell r="AS1013">
            <v>0</v>
          </cell>
          <cell r="AT1013">
            <v>0</v>
          </cell>
          <cell r="AU1013">
            <v>0</v>
          </cell>
          <cell r="AV1013">
            <v>0</v>
          </cell>
          <cell r="AW1013">
            <v>0</v>
          </cell>
          <cell r="AX1013">
            <v>0</v>
          </cell>
          <cell r="AY1013">
            <v>0</v>
          </cell>
        </row>
        <row r="1014">
          <cell r="A1014" t="str">
            <v>WID_credit_VP</v>
          </cell>
          <cell r="AS1014">
            <v>0</v>
          </cell>
          <cell r="AT1014">
            <v>0</v>
          </cell>
          <cell r="AU1014">
            <v>0</v>
          </cell>
          <cell r="AV1014">
            <v>0</v>
          </cell>
          <cell r="AW1014">
            <v>0</v>
          </cell>
          <cell r="AX1014">
            <v>0</v>
          </cell>
          <cell r="AY1014">
            <v>0</v>
          </cell>
        </row>
        <row r="1015">
          <cell r="A1015" t="str">
            <v>FIN_credit_VP</v>
          </cell>
          <cell r="AS1015">
            <v>0</v>
          </cell>
          <cell r="AT1015">
            <v>0</v>
          </cell>
          <cell r="AU1015">
            <v>0</v>
          </cell>
          <cell r="AV1015">
            <v>0</v>
          </cell>
          <cell r="AW1015">
            <v>0</v>
          </cell>
          <cell r="AX1015">
            <v>0</v>
          </cell>
          <cell r="AY1015">
            <v>0</v>
          </cell>
        </row>
        <row r="1016">
          <cell r="A1016" t="str">
            <v>ALM_credit_VP</v>
          </cell>
          <cell r="AS1016">
            <v>0</v>
          </cell>
          <cell r="AT1016">
            <v>0</v>
          </cell>
          <cell r="AU1016">
            <v>0</v>
          </cell>
          <cell r="AV1016">
            <v>0</v>
          </cell>
          <cell r="AW1016">
            <v>0</v>
          </cell>
          <cell r="AX1016">
            <v>0</v>
          </cell>
          <cell r="AY1016">
            <v>0</v>
          </cell>
        </row>
        <row r="1017">
          <cell r="A1017" t="str">
            <v>FUO_credit_VP</v>
          </cell>
          <cell r="AS1017">
            <v>0</v>
          </cell>
          <cell r="AT1017">
            <v>0</v>
          </cell>
          <cell r="AU1017">
            <v>0</v>
          </cell>
          <cell r="AV1017">
            <v>0</v>
          </cell>
          <cell r="AW1017">
            <v>0</v>
          </cell>
          <cell r="AX1017">
            <v>0</v>
          </cell>
          <cell r="AY1017">
            <v>0</v>
          </cell>
        </row>
        <row r="1018">
          <cell r="A1018" t="str">
            <v>XXX_credit_VP</v>
          </cell>
          <cell r="AS1018">
            <v>0</v>
          </cell>
          <cell r="AT1018">
            <v>0</v>
          </cell>
          <cell r="AU1018">
            <v>0</v>
          </cell>
          <cell r="AV1018">
            <v>0</v>
          </cell>
          <cell r="AW1018">
            <v>0</v>
          </cell>
          <cell r="AX1018">
            <v>0</v>
          </cell>
          <cell r="AY1018">
            <v>0</v>
          </cell>
        </row>
        <row r="1019">
          <cell r="A1019" t="str">
            <v>TOT_credit_VP</v>
          </cell>
          <cell r="AS1019">
            <v>0</v>
          </cell>
          <cell r="AT1019">
            <v>0</v>
          </cell>
          <cell r="AU1019">
            <v>0</v>
          </cell>
          <cell r="AV1019">
            <v>1882</v>
          </cell>
          <cell r="AW1019">
            <v>0</v>
          </cell>
          <cell r="AX1019">
            <v>0</v>
          </cell>
          <cell r="AY1019">
            <v>0</v>
          </cell>
        </row>
        <row r="1020">
          <cell r="A1020" t="str">
            <v>Val_cc_VP</v>
          </cell>
          <cell r="AS1020">
            <v>0</v>
          </cell>
          <cell r="AT1020">
            <v>0</v>
          </cell>
          <cell r="AU1020">
            <v>0</v>
          </cell>
          <cell r="AV1020">
            <v>-10599</v>
          </cell>
          <cell r="AW1020">
            <v>0</v>
          </cell>
          <cell r="AX1020">
            <v>0</v>
          </cell>
          <cell r="AY1020">
            <v>0</v>
          </cell>
        </row>
        <row r="1021">
          <cell r="A1021" t="str">
            <v>Pre_cc_VP</v>
          </cell>
          <cell r="AS1021">
            <v>0</v>
          </cell>
          <cell r="AT1021">
            <v>0</v>
          </cell>
          <cell r="AU1021">
            <v>0</v>
          </cell>
          <cell r="AV1021">
            <v>1799</v>
          </cell>
          <cell r="AW1021">
            <v>0</v>
          </cell>
          <cell r="AX1021">
            <v>0</v>
          </cell>
          <cell r="AY1021">
            <v>0</v>
          </cell>
        </row>
        <row r="1022">
          <cell r="A1022" t="str">
            <v>Sma_cc_VP</v>
          </cell>
          <cell r="AS1022">
            <v>0</v>
          </cell>
          <cell r="AT1022">
            <v>0</v>
          </cell>
          <cell r="AU1022">
            <v>0</v>
          </cell>
          <cell r="AV1022">
            <v>1438</v>
          </cell>
          <cell r="AW1022">
            <v>0</v>
          </cell>
          <cell r="AX1022">
            <v>0</v>
          </cell>
          <cell r="AY1022">
            <v>0</v>
          </cell>
        </row>
        <row r="1023">
          <cell r="A1023" t="str">
            <v>Pri_cc_VP</v>
          </cell>
          <cell r="AS1023">
            <v>0</v>
          </cell>
          <cell r="AT1023">
            <v>0</v>
          </cell>
          <cell r="AU1023">
            <v>0</v>
          </cell>
          <cell r="AV1023">
            <v>-32</v>
          </cell>
          <cell r="AW1023">
            <v>0</v>
          </cell>
          <cell r="AX1023">
            <v>0</v>
          </cell>
          <cell r="AY1023">
            <v>0</v>
          </cell>
        </row>
        <row r="1024">
          <cell r="A1024" t="str">
            <v>Fam_cc_VP</v>
          </cell>
          <cell r="AS1024">
            <v>0</v>
          </cell>
          <cell r="AT1024">
            <v>0</v>
          </cell>
          <cell r="AU1024">
            <v>0</v>
          </cell>
          <cell r="AV1024">
            <v>54</v>
          </cell>
          <cell r="AW1024">
            <v>0</v>
          </cell>
          <cell r="AX1024">
            <v>0</v>
          </cell>
          <cell r="AY1024">
            <v>0</v>
          </cell>
        </row>
        <row r="1025">
          <cell r="A1025" t="str">
            <v>PMI_cc_VP</v>
          </cell>
          <cell r="AS1025">
            <v>0</v>
          </cell>
          <cell r="AT1025">
            <v>0</v>
          </cell>
          <cell r="AU1025">
            <v>0</v>
          </cell>
          <cell r="AV1025">
            <v>-491</v>
          </cell>
          <cell r="AW1025">
            <v>0</v>
          </cell>
          <cell r="AX1025">
            <v>0</v>
          </cell>
          <cell r="AY1025">
            <v>0</v>
          </cell>
        </row>
        <row r="1026">
          <cell r="A1026" t="str">
            <v>ENT_cc_VP</v>
          </cell>
          <cell r="AS1026">
            <v>0</v>
          </cell>
          <cell r="AT1026">
            <v>0</v>
          </cell>
          <cell r="AU1026">
            <v>0</v>
          </cell>
          <cell r="AV1026">
            <v>621</v>
          </cell>
          <cell r="AW1026">
            <v>0</v>
          </cell>
          <cell r="AX1026">
            <v>0</v>
          </cell>
          <cell r="AY1026">
            <v>0</v>
          </cell>
        </row>
        <row r="1027">
          <cell r="A1027" t="str">
            <v>Cor_cc_VP</v>
          </cell>
          <cell r="AS1027">
            <v>0</v>
          </cell>
          <cell r="AT1027">
            <v>0</v>
          </cell>
          <cell r="AU1027">
            <v>0</v>
          </cell>
          <cell r="AV1027">
            <v>187</v>
          </cell>
          <cell r="AW1027">
            <v>0</v>
          </cell>
          <cell r="AX1027">
            <v>0</v>
          </cell>
          <cell r="AY1027">
            <v>0</v>
          </cell>
        </row>
        <row r="1028">
          <cell r="A1028" t="str">
            <v>Gra_cc_VP</v>
          </cell>
          <cell r="AS1028">
            <v>0</v>
          </cell>
          <cell r="AT1028">
            <v>0</v>
          </cell>
          <cell r="AU1028">
            <v>0</v>
          </cell>
          <cell r="AV1028">
            <v>-32</v>
          </cell>
          <cell r="AW1028">
            <v>0</v>
          </cell>
          <cell r="AX1028">
            <v>0</v>
          </cell>
          <cell r="AY1028">
            <v>0</v>
          </cell>
        </row>
        <row r="1029">
          <cell r="A1029" t="str">
            <v>FEX_cc_VP</v>
          </cell>
          <cell r="AS1029">
            <v>0</v>
          </cell>
          <cell r="AT1029">
            <v>0</v>
          </cell>
          <cell r="AU1029">
            <v>0</v>
          </cell>
          <cell r="AV1029">
            <v>0</v>
          </cell>
          <cell r="AW1029">
            <v>0</v>
          </cell>
          <cell r="AX1029">
            <v>0</v>
          </cell>
          <cell r="AY1029">
            <v>0</v>
          </cell>
        </row>
        <row r="1030">
          <cell r="A1030" t="str">
            <v>MCL_cc_VP</v>
          </cell>
          <cell r="AS1030">
            <v>0</v>
          </cell>
          <cell r="AT1030">
            <v>0</v>
          </cell>
          <cell r="AU1030">
            <v>0</v>
          </cell>
          <cell r="AV1030">
            <v>0</v>
          </cell>
          <cell r="AW1030">
            <v>0</v>
          </cell>
          <cell r="AX1030">
            <v>0</v>
          </cell>
          <cell r="AY1030">
            <v>0</v>
          </cell>
        </row>
        <row r="1031">
          <cell r="A1031" t="str">
            <v>MCG_cc_VP</v>
          </cell>
          <cell r="AS1031">
            <v>0</v>
          </cell>
          <cell r="AT1031">
            <v>0</v>
          </cell>
          <cell r="AU1031">
            <v>0</v>
          </cell>
          <cell r="AV1031">
            <v>0</v>
          </cell>
          <cell r="AW1031">
            <v>0</v>
          </cell>
          <cell r="AX1031">
            <v>0</v>
          </cell>
          <cell r="AY1031">
            <v>0</v>
          </cell>
        </row>
        <row r="1032">
          <cell r="A1032" t="str">
            <v>MLE_cc_VP</v>
          </cell>
          <cell r="AS1032">
            <v>0</v>
          </cell>
          <cell r="AT1032">
            <v>0</v>
          </cell>
          <cell r="AU1032">
            <v>0</v>
          </cell>
          <cell r="AV1032">
            <v>0</v>
          </cell>
          <cell r="AW1032">
            <v>0</v>
          </cell>
          <cell r="AX1032">
            <v>0</v>
          </cell>
          <cell r="AY1032">
            <v>0</v>
          </cell>
        </row>
        <row r="1033">
          <cell r="A1033" t="str">
            <v>MFA_cc_VP</v>
          </cell>
          <cell r="AS1033">
            <v>0</v>
          </cell>
          <cell r="AT1033">
            <v>0</v>
          </cell>
          <cell r="AU1033">
            <v>0</v>
          </cell>
          <cell r="AV1033">
            <v>0</v>
          </cell>
          <cell r="AW1033">
            <v>0</v>
          </cell>
          <cell r="AX1033">
            <v>0</v>
          </cell>
          <cell r="AY1033">
            <v>0</v>
          </cell>
        </row>
        <row r="1034">
          <cell r="A1034" t="str">
            <v>MBQ_cc_VP</v>
          </cell>
          <cell r="AS1034">
            <v>0</v>
          </cell>
          <cell r="AT1034">
            <v>0</v>
          </cell>
          <cell r="AU1034">
            <v>0</v>
          </cell>
          <cell r="AV1034">
            <v>0</v>
          </cell>
          <cell r="AW1034">
            <v>0</v>
          </cell>
          <cell r="AX1034">
            <v>0</v>
          </cell>
          <cell r="AY1034">
            <v>0</v>
          </cell>
        </row>
        <row r="1035">
          <cell r="A1035" t="str">
            <v>MBG_cc_VP</v>
          </cell>
          <cell r="AS1035">
            <v>0</v>
          </cell>
          <cell r="AT1035">
            <v>0</v>
          </cell>
          <cell r="AU1035">
            <v>0</v>
          </cell>
          <cell r="AV1035">
            <v>0</v>
          </cell>
          <cell r="AW1035">
            <v>0</v>
          </cell>
          <cell r="AX1035">
            <v>0</v>
          </cell>
          <cell r="AY1035">
            <v>0</v>
          </cell>
        </row>
        <row r="1036">
          <cell r="A1036" t="str">
            <v>WID_cc_VP</v>
          </cell>
          <cell r="AS1036">
            <v>0</v>
          </cell>
          <cell r="AT1036">
            <v>0</v>
          </cell>
          <cell r="AU1036">
            <v>0</v>
          </cell>
          <cell r="AV1036">
            <v>0</v>
          </cell>
          <cell r="AW1036">
            <v>0</v>
          </cell>
          <cell r="AX1036">
            <v>0</v>
          </cell>
          <cell r="AY1036">
            <v>0</v>
          </cell>
        </row>
        <row r="1037">
          <cell r="A1037" t="str">
            <v>FIN_cc_VP</v>
          </cell>
          <cell r="AS1037">
            <v>0</v>
          </cell>
          <cell r="AT1037">
            <v>0</v>
          </cell>
          <cell r="AU1037">
            <v>0</v>
          </cell>
          <cell r="AV1037">
            <v>0</v>
          </cell>
          <cell r="AW1037">
            <v>0</v>
          </cell>
          <cell r="AX1037">
            <v>0</v>
          </cell>
          <cell r="AY1037">
            <v>0</v>
          </cell>
        </row>
        <row r="1038">
          <cell r="A1038" t="str">
            <v>ALM_cc_VP</v>
          </cell>
          <cell r="AS1038">
            <v>0</v>
          </cell>
          <cell r="AT1038">
            <v>0</v>
          </cell>
          <cell r="AU1038">
            <v>0</v>
          </cell>
          <cell r="AV1038">
            <v>0</v>
          </cell>
          <cell r="AW1038">
            <v>0</v>
          </cell>
          <cell r="AX1038">
            <v>0</v>
          </cell>
          <cell r="AY1038">
            <v>0</v>
          </cell>
        </row>
        <row r="1039">
          <cell r="A1039" t="str">
            <v>FUO_cc_VP</v>
          </cell>
          <cell r="AS1039">
            <v>0</v>
          </cell>
          <cell r="AT1039">
            <v>0</v>
          </cell>
          <cell r="AU1039">
            <v>0</v>
          </cell>
          <cell r="AV1039">
            <v>0</v>
          </cell>
          <cell r="AW1039">
            <v>0</v>
          </cell>
          <cell r="AX1039">
            <v>0</v>
          </cell>
          <cell r="AY1039">
            <v>0</v>
          </cell>
        </row>
        <row r="1040">
          <cell r="A1040" t="str">
            <v>XXX_cc_VP</v>
          </cell>
          <cell r="AS1040">
            <v>0</v>
          </cell>
          <cell r="AT1040">
            <v>0</v>
          </cell>
          <cell r="AU1040">
            <v>0</v>
          </cell>
          <cell r="AV1040">
            <v>0</v>
          </cell>
          <cell r="AW1040">
            <v>0</v>
          </cell>
          <cell r="AX1040">
            <v>0</v>
          </cell>
          <cell r="AY1040">
            <v>0</v>
          </cell>
        </row>
        <row r="1041">
          <cell r="A1041" t="str">
            <v>TOT_cc_VP</v>
          </cell>
          <cell r="AS1041">
            <v>0</v>
          </cell>
          <cell r="AT1041">
            <v>0</v>
          </cell>
          <cell r="AU1041">
            <v>0</v>
          </cell>
          <cell r="AV1041">
            <v>-7055</v>
          </cell>
          <cell r="AW1041">
            <v>0</v>
          </cell>
          <cell r="AX1041">
            <v>0</v>
          </cell>
          <cell r="AY1041">
            <v>0</v>
          </cell>
        </row>
        <row r="1043">
          <cell r="AU1043">
            <v>0</v>
          </cell>
        </row>
        <row r="1044">
          <cell r="AV1044">
            <v>6.8212102632969618E-12</v>
          </cell>
          <cell r="AW1044">
            <v>0</v>
          </cell>
          <cell r="AX1044">
            <v>-1.0913936421275139E-11</v>
          </cell>
          <cell r="AY1044">
            <v>0</v>
          </cell>
        </row>
      </sheetData>
      <sheetData sheetId="9">
        <row r="1">
          <cell r="G1" t="str">
            <v>FLAT</v>
          </cell>
          <cell r="H1">
            <v>0</v>
          </cell>
          <cell r="I1">
            <v>0</v>
          </cell>
          <cell r="J1">
            <v>0</v>
          </cell>
          <cell r="K1">
            <v>0</v>
          </cell>
          <cell r="L1">
            <v>0</v>
          </cell>
          <cell r="M1">
            <v>0</v>
          </cell>
          <cell r="N1">
            <v>0</v>
          </cell>
          <cell r="O1">
            <v>0</v>
          </cell>
          <cell r="P1">
            <v>0</v>
          </cell>
          <cell r="Q1">
            <v>0</v>
          </cell>
          <cell r="R1">
            <v>0</v>
          </cell>
          <cell r="S1">
            <v>0</v>
          </cell>
          <cell r="T1">
            <v>0</v>
          </cell>
          <cell r="U1">
            <v>0</v>
          </cell>
          <cell r="V1">
            <v>0</v>
          </cell>
          <cell r="W1">
            <v>0</v>
          </cell>
          <cell r="Y1" t="str">
            <v>DELTA</v>
          </cell>
          <cell r="Z1">
            <v>0</v>
          </cell>
          <cell r="AA1">
            <v>0</v>
          </cell>
          <cell r="AB1">
            <v>0</v>
          </cell>
          <cell r="AC1">
            <v>0</v>
          </cell>
        </row>
        <row r="2">
          <cell r="G2" t="str">
            <v>C</v>
          </cell>
          <cell r="H2" t="str">
            <v>C</v>
          </cell>
          <cell r="I2" t="str">
            <v>C</v>
          </cell>
          <cell r="J2" t="str">
            <v>E</v>
          </cell>
          <cell r="K2" t="str">
            <v>E</v>
          </cell>
          <cell r="L2" t="str">
            <v>E</v>
          </cell>
          <cell r="M2" t="str">
            <v>E</v>
          </cell>
          <cell r="N2" t="str">
            <v>E</v>
          </cell>
          <cell r="O2" t="str">
            <v>E</v>
          </cell>
          <cell r="P2" t="str">
            <v>E</v>
          </cell>
          <cell r="Q2" t="str">
            <v>E</v>
          </cell>
          <cell r="R2" t="str">
            <v>E</v>
          </cell>
          <cell r="S2" t="str">
            <v>E</v>
          </cell>
          <cell r="T2" t="str">
            <v>E</v>
          </cell>
          <cell r="U2" t="str">
            <v>E</v>
          </cell>
          <cell r="V2" t="str">
            <v>E</v>
          </cell>
          <cell r="W2" t="str">
            <v>E</v>
          </cell>
          <cell r="Y2" t="str">
            <v>C</v>
          </cell>
          <cell r="Z2" t="str">
            <v>E</v>
          </cell>
          <cell r="AA2" t="str">
            <v>E</v>
          </cell>
          <cell r="AB2" t="str">
            <v>E</v>
          </cell>
          <cell r="AC2" t="str">
            <v>E</v>
          </cell>
        </row>
        <row r="3">
          <cell r="G3">
            <v>42369</v>
          </cell>
          <cell r="H3">
            <v>42460</v>
          </cell>
          <cell r="I3">
            <v>42551</v>
          </cell>
          <cell r="J3">
            <v>42643</v>
          </cell>
          <cell r="K3">
            <v>42735</v>
          </cell>
          <cell r="L3">
            <v>42825</v>
          </cell>
          <cell r="M3">
            <v>42916</v>
          </cell>
          <cell r="N3">
            <v>43008</v>
          </cell>
          <cell r="O3">
            <v>43100</v>
          </cell>
          <cell r="P3">
            <v>43190</v>
          </cell>
          <cell r="Q3">
            <v>43281</v>
          </cell>
          <cell r="R3">
            <v>43373</v>
          </cell>
          <cell r="S3">
            <v>43465</v>
          </cell>
          <cell r="T3">
            <v>43555</v>
          </cell>
          <cell r="U3">
            <v>43646</v>
          </cell>
          <cell r="V3">
            <v>43738</v>
          </cell>
          <cell r="W3">
            <v>43830</v>
          </cell>
          <cell r="Y3">
            <v>42369</v>
          </cell>
          <cell r="Z3">
            <v>42735</v>
          </cell>
          <cell r="AA3">
            <v>43100</v>
          </cell>
          <cell r="AB3">
            <v>43465</v>
          </cell>
          <cell r="AC3">
            <v>43830</v>
          </cell>
        </row>
        <row r="4">
          <cell r="G4" t="str">
            <v>2015Q4</v>
          </cell>
          <cell r="H4" t="str">
            <v>2016Q1</v>
          </cell>
          <cell r="I4" t="str">
            <v>2016Q2</v>
          </cell>
          <cell r="J4" t="str">
            <v>2016Q3</v>
          </cell>
          <cell r="K4" t="str">
            <v>2016Q4</v>
          </cell>
          <cell r="L4" t="str">
            <v>2017Q1</v>
          </cell>
          <cell r="M4" t="str">
            <v>2017Q2</v>
          </cell>
          <cell r="N4" t="str">
            <v>2017Q3</v>
          </cell>
          <cell r="O4" t="str">
            <v>2017Q4</v>
          </cell>
          <cell r="P4" t="str">
            <v>2018Q1</v>
          </cell>
          <cell r="Q4" t="str">
            <v>2018Q2</v>
          </cell>
          <cell r="R4" t="str">
            <v>2018Q3</v>
          </cell>
          <cell r="S4" t="str">
            <v>2018Q4</v>
          </cell>
          <cell r="T4" t="str">
            <v>2019Q1</v>
          </cell>
          <cell r="U4" t="str">
            <v>2019Q1</v>
          </cell>
          <cell r="V4" t="str">
            <v>2019Q1</v>
          </cell>
          <cell r="W4" t="str">
            <v>2019Q1</v>
          </cell>
          <cell r="Y4">
            <v>2015</v>
          </cell>
          <cell r="Z4">
            <v>2016</v>
          </cell>
          <cell r="AA4">
            <v>2017</v>
          </cell>
          <cell r="AB4">
            <v>2018</v>
          </cell>
          <cell r="AC4">
            <v>2019</v>
          </cell>
        </row>
        <row r="5">
          <cell r="A5" t="str">
            <v>Val_carta_terzi_%</v>
          </cell>
          <cell r="G5">
            <v>6.0145719773471253E-2</v>
          </cell>
          <cell r="H5">
            <v>4.5117758600658489E-2</v>
          </cell>
          <cell r="I5">
            <v>5.2631739187064874E-2</v>
          </cell>
          <cell r="J5">
            <v>5.2631739187064874E-2</v>
          </cell>
          <cell r="K5">
            <v>5.2631739187064874E-2</v>
          </cell>
          <cell r="L5">
            <v>5.2631739187064874E-2</v>
          </cell>
          <cell r="M5">
            <v>5.2631739187064874E-2</v>
          </cell>
          <cell r="N5">
            <v>5.2631739187064874E-2</v>
          </cell>
          <cell r="O5">
            <v>5.2631739187064874E-2</v>
          </cell>
          <cell r="P5">
            <v>5.2631739187064874E-2</v>
          </cell>
          <cell r="Q5">
            <v>5.2631739187064874E-2</v>
          </cell>
          <cell r="R5">
            <v>5.2631739187064874E-2</v>
          </cell>
          <cell r="S5">
            <v>5.2631739187064874E-2</v>
          </cell>
          <cell r="T5">
            <v>5.2631739187064874E-2</v>
          </cell>
          <cell r="U5">
            <v>5.2631739187064874E-2</v>
          </cell>
          <cell r="V5">
            <v>5.2631739187064874E-2</v>
          </cell>
          <cell r="W5">
            <v>5.2631739187064874E-2</v>
          </cell>
          <cell r="Y5">
            <v>0</v>
          </cell>
          <cell r="Z5">
            <v>0</v>
          </cell>
        </row>
        <row r="6">
          <cell r="A6" t="str">
            <v>Pre_carta_terzi_%</v>
          </cell>
          <cell r="G6">
            <v>4.0485108562343539E-2</v>
          </cell>
          <cell r="H6">
            <v>3.4396659950408512E-2</v>
          </cell>
          <cell r="I6">
            <v>3.7440884256376025E-2</v>
          </cell>
          <cell r="J6">
            <v>3.7440884256376025E-2</v>
          </cell>
          <cell r="K6">
            <v>3.7440884256376025E-2</v>
          </cell>
          <cell r="L6">
            <v>3.7440884256376025E-2</v>
          </cell>
          <cell r="M6">
            <v>3.7440884256376025E-2</v>
          </cell>
          <cell r="N6">
            <v>3.7440884256376025E-2</v>
          </cell>
          <cell r="O6">
            <v>3.7440884256376025E-2</v>
          </cell>
          <cell r="P6">
            <v>3.7440884256376025E-2</v>
          </cell>
          <cell r="Q6">
            <v>3.7440884256376025E-2</v>
          </cell>
          <cell r="R6">
            <v>3.7440884256376025E-2</v>
          </cell>
          <cell r="S6">
            <v>3.7440884256376025E-2</v>
          </cell>
          <cell r="T6">
            <v>3.7440884256376025E-2</v>
          </cell>
          <cell r="U6">
            <v>3.7440884256376025E-2</v>
          </cell>
          <cell r="V6">
            <v>3.7440884256376025E-2</v>
          </cell>
          <cell r="W6">
            <v>3.7440884256376025E-2</v>
          </cell>
        </row>
        <row r="7">
          <cell r="A7" t="str">
            <v>Sma_carta_terzi_%</v>
          </cell>
          <cell r="G7">
            <v>1.3522848100735656E-2</v>
          </cell>
          <cell r="H7">
            <v>3.4251162040991212E-2</v>
          </cell>
          <cell r="I7">
            <v>2.3887005070863436E-2</v>
          </cell>
          <cell r="J7">
            <v>2.3887005070863436E-2</v>
          </cell>
          <cell r="K7">
            <v>2.3887005070863436E-2</v>
          </cell>
          <cell r="L7">
            <v>2.3887005070863436E-2</v>
          </cell>
          <cell r="M7">
            <v>2.3887005070863436E-2</v>
          </cell>
          <cell r="N7">
            <v>2.3887005070863436E-2</v>
          </cell>
          <cell r="O7">
            <v>2.3887005070863436E-2</v>
          </cell>
          <cell r="P7">
            <v>2.3887005070863436E-2</v>
          </cell>
          <cell r="Q7">
            <v>2.3887005070863436E-2</v>
          </cell>
          <cell r="R7">
            <v>2.3887005070863436E-2</v>
          </cell>
          <cell r="S7">
            <v>2.3887005070863436E-2</v>
          </cell>
          <cell r="T7">
            <v>2.3887005070863436E-2</v>
          </cell>
          <cell r="U7">
            <v>2.3887005070863436E-2</v>
          </cell>
          <cell r="V7">
            <v>2.3887005070863436E-2</v>
          </cell>
          <cell r="W7">
            <v>2.3887005070863436E-2</v>
          </cell>
        </row>
        <row r="8">
          <cell r="A8" t="str">
            <v>Pri_carta_terzi_%</v>
          </cell>
          <cell r="G8">
            <v>2.8767859411115881E-2</v>
          </cell>
          <cell r="H8">
            <v>2.6892321899459455E-2</v>
          </cell>
          <cell r="I8">
            <v>2.7830090655287666E-2</v>
          </cell>
          <cell r="J8">
            <v>2.7830090655287666E-2</v>
          </cell>
          <cell r="K8">
            <v>2.7830090655287666E-2</v>
          </cell>
          <cell r="L8">
            <v>2.7830090655287666E-2</v>
          </cell>
          <cell r="M8">
            <v>2.7830090655287666E-2</v>
          </cell>
          <cell r="N8">
            <v>2.7830090655287666E-2</v>
          </cell>
          <cell r="O8">
            <v>2.7830090655287666E-2</v>
          </cell>
          <cell r="P8">
            <v>2.7830090655287666E-2</v>
          </cell>
          <cell r="Q8">
            <v>2.7830090655287666E-2</v>
          </cell>
          <cell r="R8">
            <v>2.7830090655287666E-2</v>
          </cell>
          <cell r="S8">
            <v>2.7830090655287666E-2</v>
          </cell>
          <cell r="T8">
            <v>2.7830090655287666E-2</v>
          </cell>
          <cell r="U8">
            <v>2.7830090655287666E-2</v>
          </cell>
          <cell r="V8">
            <v>2.7830090655287666E-2</v>
          </cell>
          <cell r="W8">
            <v>2.7830090655287666E-2</v>
          </cell>
        </row>
        <row r="9">
          <cell r="A9" t="str">
            <v>Fam_carta_terzi_%</v>
          </cell>
          <cell r="G9">
            <v>2.6608658416492497E-2</v>
          </cell>
          <cell r="H9">
            <v>2.5687482265744351E-2</v>
          </cell>
          <cell r="I9">
            <v>2.6148070341118424E-2</v>
          </cell>
          <cell r="J9">
            <v>2.6148070341118424E-2</v>
          </cell>
          <cell r="K9">
            <v>2.6148070341118424E-2</v>
          </cell>
          <cell r="L9">
            <v>2.6148070341118424E-2</v>
          </cell>
          <cell r="M9">
            <v>2.6148070341118424E-2</v>
          </cell>
          <cell r="N9">
            <v>2.6148070341118424E-2</v>
          </cell>
          <cell r="O9">
            <v>2.6148070341118424E-2</v>
          </cell>
          <cell r="P9">
            <v>2.6148070341118424E-2</v>
          </cell>
          <cell r="Q9">
            <v>2.6148070341118424E-2</v>
          </cell>
          <cell r="R9">
            <v>2.6148070341118424E-2</v>
          </cell>
          <cell r="S9">
            <v>2.6148070341118424E-2</v>
          </cell>
          <cell r="T9">
            <v>2.6148070341118424E-2</v>
          </cell>
          <cell r="U9">
            <v>2.6148070341118424E-2</v>
          </cell>
          <cell r="V9">
            <v>2.6148070341118424E-2</v>
          </cell>
          <cell r="W9">
            <v>2.6148070341118424E-2</v>
          </cell>
        </row>
        <row r="10">
          <cell r="A10" t="str">
            <v>PMI_carta_terzi_%</v>
          </cell>
          <cell r="G10">
            <v>0</v>
          </cell>
          <cell r="H10">
            <v>0.10400362893068316</v>
          </cell>
          <cell r="I10">
            <v>5.2001814465341578E-2</v>
          </cell>
          <cell r="J10">
            <v>5.2001814465341578E-2</v>
          </cell>
          <cell r="K10">
            <v>5.2001814465341578E-2</v>
          </cell>
          <cell r="L10">
            <v>5.2001814465341578E-2</v>
          </cell>
          <cell r="M10">
            <v>5.2001814465341578E-2</v>
          </cell>
          <cell r="N10">
            <v>5.2001814465341578E-2</v>
          </cell>
          <cell r="O10">
            <v>5.2001814465341578E-2</v>
          </cell>
          <cell r="P10">
            <v>5.2001814465341578E-2</v>
          </cell>
          <cell r="Q10">
            <v>5.2001814465341578E-2</v>
          </cell>
          <cell r="R10">
            <v>5.2001814465341578E-2</v>
          </cell>
          <cell r="S10">
            <v>5.2001814465341578E-2</v>
          </cell>
          <cell r="T10">
            <v>5.2001814465341578E-2</v>
          </cell>
          <cell r="U10">
            <v>5.2001814465341578E-2</v>
          </cell>
          <cell r="V10">
            <v>5.2001814465341578E-2</v>
          </cell>
          <cell r="W10">
            <v>5.2001814465341578E-2</v>
          </cell>
        </row>
        <row r="11">
          <cell r="A11" t="str">
            <v>ENT_carta_terzi_%</v>
          </cell>
          <cell r="G11">
            <v>0</v>
          </cell>
          <cell r="H11">
            <v>0</v>
          </cell>
          <cell r="I11">
            <v>0</v>
          </cell>
          <cell r="J11">
            <v>0</v>
          </cell>
          <cell r="K11">
            <v>0</v>
          </cell>
          <cell r="L11">
            <v>0</v>
          </cell>
          <cell r="M11">
            <v>0</v>
          </cell>
          <cell r="N11">
            <v>0</v>
          </cell>
          <cell r="O11">
            <v>0</v>
          </cell>
          <cell r="P11">
            <v>0</v>
          </cell>
          <cell r="Q11">
            <v>0</v>
          </cell>
          <cell r="R11">
            <v>0</v>
          </cell>
          <cell r="S11">
            <v>0</v>
          </cell>
          <cell r="T11">
            <v>0</v>
          </cell>
          <cell r="U11">
            <v>0</v>
          </cell>
          <cell r="V11">
            <v>0</v>
          </cell>
          <cell r="W11">
            <v>0</v>
          </cell>
        </row>
        <row r="12">
          <cell r="A12" t="str">
            <v>Cor_carta_terzi_%</v>
          </cell>
          <cell r="G12">
            <v>0</v>
          </cell>
          <cell r="H12">
            <v>0</v>
          </cell>
          <cell r="I12">
            <v>0</v>
          </cell>
          <cell r="J12">
            <v>0</v>
          </cell>
          <cell r="K12">
            <v>0</v>
          </cell>
          <cell r="L12">
            <v>0</v>
          </cell>
          <cell r="M12">
            <v>0</v>
          </cell>
          <cell r="N12">
            <v>0</v>
          </cell>
          <cell r="O12">
            <v>0</v>
          </cell>
          <cell r="P12">
            <v>0</v>
          </cell>
          <cell r="Q12">
            <v>0</v>
          </cell>
          <cell r="R12">
            <v>0</v>
          </cell>
          <cell r="S12">
            <v>0</v>
          </cell>
          <cell r="T12">
            <v>0</v>
          </cell>
          <cell r="U12">
            <v>0</v>
          </cell>
          <cell r="V12">
            <v>0</v>
          </cell>
          <cell r="W12">
            <v>0</v>
          </cell>
        </row>
        <row r="13">
          <cell r="A13" t="str">
            <v>Gra_carta_terzi_%</v>
          </cell>
          <cell r="G13">
            <v>0</v>
          </cell>
          <cell r="H13">
            <v>0</v>
          </cell>
          <cell r="I13">
            <v>0</v>
          </cell>
          <cell r="J13">
            <v>0</v>
          </cell>
          <cell r="K13">
            <v>0</v>
          </cell>
          <cell r="L13">
            <v>0</v>
          </cell>
          <cell r="M13">
            <v>0</v>
          </cell>
          <cell r="N13">
            <v>0</v>
          </cell>
          <cell r="O13">
            <v>0</v>
          </cell>
          <cell r="P13">
            <v>0</v>
          </cell>
          <cell r="Q13">
            <v>0</v>
          </cell>
          <cell r="R13">
            <v>0</v>
          </cell>
          <cell r="S13">
            <v>0</v>
          </cell>
          <cell r="T13">
            <v>0</v>
          </cell>
          <cell r="U13">
            <v>0</v>
          </cell>
          <cell r="V13">
            <v>0</v>
          </cell>
          <cell r="W13">
            <v>0</v>
          </cell>
        </row>
        <row r="14">
          <cell r="A14" t="str">
            <v>FEX_carta_terzi_%</v>
          </cell>
          <cell r="G14">
            <v>0</v>
          </cell>
          <cell r="H14">
            <v>0</v>
          </cell>
          <cell r="I14">
            <v>0</v>
          </cell>
          <cell r="J14">
            <v>0</v>
          </cell>
          <cell r="K14">
            <v>0</v>
          </cell>
          <cell r="L14">
            <v>0</v>
          </cell>
          <cell r="M14">
            <v>0</v>
          </cell>
          <cell r="N14">
            <v>0</v>
          </cell>
          <cell r="O14">
            <v>0</v>
          </cell>
          <cell r="P14">
            <v>0</v>
          </cell>
          <cell r="Q14">
            <v>0</v>
          </cell>
          <cell r="R14">
            <v>0</v>
          </cell>
          <cell r="S14">
            <v>0</v>
          </cell>
          <cell r="T14">
            <v>0</v>
          </cell>
          <cell r="U14">
            <v>0</v>
          </cell>
          <cell r="V14">
            <v>0</v>
          </cell>
          <cell r="W14">
            <v>0</v>
          </cell>
        </row>
        <row r="15">
          <cell r="A15" t="str">
            <v>MCL_carta_terzi_%</v>
          </cell>
          <cell r="G15">
            <v>0</v>
          </cell>
          <cell r="H15">
            <v>0</v>
          </cell>
          <cell r="I15">
            <v>0</v>
          </cell>
          <cell r="J15">
            <v>0</v>
          </cell>
          <cell r="K15">
            <v>0</v>
          </cell>
          <cell r="L15">
            <v>0</v>
          </cell>
          <cell r="M15">
            <v>0</v>
          </cell>
          <cell r="N15">
            <v>0</v>
          </cell>
          <cell r="O15">
            <v>0</v>
          </cell>
          <cell r="P15">
            <v>0</v>
          </cell>
          <cell r="Q15">
            <v>0</v>
          </cell>
          <cell r="R15">
            <v>0</v>
          </cell>
          <cell r="S15">
            <v>0</v>
          </cell>
          <cell r="T15">
            <v>0</v>
          </cell>
          <cell r="U15">
            <v>0</v>
          </cell>
          <cell r="V15">
            <v>0</v>
          </cell>
          <cell r="W15">
            <v>0</v>
          </cell>
        </row>
        <row r="16">
          <cell r="A16" t="str">
            <v>MCG_carta_terzi_%</v>
          </cell>
          <cell r="G16">
            <v>0</v>
          </cell>
          <cell r="H16">
            <v>0</v>
          </cell>
          <cell r="I16">
            <v>0</v>
          </cell>
          <cell r="J16">
            <v>0</v>
          </cell>
          <cell r="K16">
            <v>0</v>
          </cell>
          <cell r="L16">
            <v>0</v>
          </cell>
          <cell r="M16">
            <v>0</v>
          </cell>
          <cell r="N16">
            <v>0</v>
          </cell>
          <cell r="O16">
            <v>0</v>
          </cell>
          <cell r="P16">
            <v>0</v>
          </cell>
          <cell r="Q16">
            <v>0</v>
          </cell>
          <cell r="R16">
            <v>0</v>
          </cell>
          <cell r="S16">
            <v>0</v>
          </cell>
          <cell r="T16">
            <v>0</v>
          </cell>
          <cell r="U16">
            <v>0</v>
          </cell>
          <cell r="V16">
            <v>0</v>
          </cell>
          <cell r="W16">
            <v>0</v>
          </cell>
        </row>
        <row r="17">
          <cell r="A17" t="str">
            <v>MLE_carta_terzi_%</v>
          </cell>
          <cell r="G17">
            <v>0</v>
          </cell>
          <cell r="H17">
            <v>0</v>
          </cell>
          <cell r="I17">
            <v>0</v>
          </cell>
          <cell r="J17">
            <v>0</v>
          </cell>
          <cell r="K17">
            <v>0</v>
          </cell>
          <cell r="L17">
            <v>0</v>
          </cell>
          <cell r="M17">
            <v>0</v>
          </cell>
          <cell r="N17">
            <v>0</v>
          </cell>
          <cell r="O17">
            <v>0</v>
          </cell>
          <cell r="P17">
            <v>0</v>
          </cell>
          <cell r="Q17">
            <v>0</v>
          </cell>
          <cell r="R17">
            <v>0</v>
          </cell>
          <cell r="S17">
            <v>0</v>
          </cell>
          <cell r="T17">
            <v>0</v>
          </cell>
          <cell r="U17">
            <v>0</v>
          </cell>
          <cell r="V17">
            <v>0</v>
          </cell>
          <cell r="W17">
            <v>0</v>
          </cell>
        </row>
        <row r="18">
          <cell r="A18" t="str">
            <v>MFA_carta_terzi_%</v>
          </cell>
          <cell r="G18">
            <v>0</v>
          </cell>
          <cell r="H18">
            <v>0</v>
          </cell>
          <cell r="I18">
            <v>0</v>
          </cell>
          <cell r="J18">
            <v>0</v>
          </cell>
          <cell r="K18">
            <v>0</v>
          </cell>
          <cell r="L18">
            <v>0</v>
          </cell>
          <cell r="M18">
            <v>0</v>
          </cell>
          <cell r="N18">
            <v>0</v>
          </cell>
          <cell r="O18">
            <v>0</v>
          </cell>
          <cell r="P18">
            <v>0</v>
          </cell>
          <cell r="Q18">
            <v>0</v>
          </cell>
          <cell r="R18">
            <v>0</v>
          </cell>
          <cell r="S18">
            <v>0</v>
          </cell>
          <cell r="T18">
            <v>0</v>
          </cell>
          <cell r="U18">
            <v>0</v>
          </cell>
          <cell r="V18">
            <v>0</v>
          </cell>
          <cell r="W18">
            <v>0</v>
          </cell>
        </row>
        <row r="19">
          <cell r="A19" t="str">
            <v>MBQ_carta_terzi_%</v>
          </cell>
          <cell r="G19">
            <v>0</v>
          </cell>
          <cell r="H19">
            <v>0</v>
          </cell>
          <cell r="I19">
            <v>0</v>
          </cell>
          <cell r="J19">
            <v>0</v>
          </cell>
          <cell r="K19">
            <v>0</v>
          </cell>
          <cell r="L19">
            <v>0</v>
          </cell>
          <cell r="M19">
            <v>0</v>
          </cell>
          <cell r="N19">
            <v>0</v>
          </cell>
          <cell r="O19">
            <v>0</v>
          </cell>
          <cell r="P19">
            <v>0</v>
          </cell>
          <cell r="Q19">
            <v>0</v>
          </cell>
          <cell r="R19">
            <v>0</v>
          </cell>
          <cell r="S19">
            <v>0</v>
          </cell>
          <cell r="T19">
            <v>0</v>
          </cell>
          <cell r="U19">
            <v>0</v>
          </cell>
          <cell r="V19">
            <v>0</v>
          </cell>
          <cell r="W19">
            <v>0</v>
          </cell>
        </row>
        <row r="20">
          <cell r="A20" t="str">
            <v>MBG_carta_terzi_%</v>
          </cell>
          <cell r="G20">
            <v>0</v>
          </cell>
          <cell r="H20">
            <v>0</v>
          </cell>
          <cell r="I20">
            <v>0</v>
          </cell>
          <cell r="J20">
            <v>0</v>
          </cell>
          <cell r="K20">
            <v>0</v>
          </cell>
          <cell r="L20">
            <v>0</v>
          </cell>
          <cell r="M20">
            <v>0</v>
          </cell>
          <cell r="N20">
            <v>0</v>
          </cell>
          <cell r="O20">
            <v>0</v>
          </cell>
          <cell r="P20">
            <v>0</v>
          </cell>
          <cell r="Q20">
            <v>0</v>
          </cell>
          <cell r="R20">
            <v>0</v>
          </cell>
          <cell r="S20">
            <v>0</v>
          </cell>
          <cell r="T20">
            <v>0</v>
          </cell>
          <cell r="U20">
            <v>0</v>
          </cell>
          <cell r="V20">
            <v>0</v>
          </cell>
          <cell r="W20">
            <v>0</v>
          </cell>
        </row>
        <row r="21">
          <cell r="A21" t="str">
            <v>WID_carta_terzi_%</v>
          </cell>
          <cell r="G21">
            <v>0</v>
          </cell>
          <cell r="H21">
            <v>0</v>
          </cell>
          <cell r="I21">
            <v>0</v>
          </cell>
          <cell r="J21">
            <v>0</v>
          </cell>
          <cell r="K21">
            <v>0</v>
          </cell>
          <cell r="L21">
            <v>0</v>
          </cell>
          <cell r="M21">
            <v>0</v>
          </cell>
          <cell r="N21">
            <v>0</v>
          </cell>
          <cell r="O21">
            <v>0</v>
          </cell>
          <cell r="P21">
            <v>0</v>
          </cell>
          <cell r="Q21">
            <v>0</v>
          </cell>
          <cell r="R21">
            <v>0</v>
          </cell>
          <cell r="S21">
            <v>0</v>
          </cell>
          <cell r="T21">
            <v>0</v>
          </cell>
          <cell r="U21">
            <v>0</v>
          </cell>
          <cell r="V21">
            <v>0</v>
          </cell>
          <cell r="W21">
            <v>0</v>
          </cell>
        </row>
        <row r="22">
          <cell r="A22" t="str">
            <v>FIN_carta_terzi_%</v>
          </cell>
          <cell r="G22">
            <v>0</v>
          </cell>
          <cell r="H22">
            <v>0</v>
          </cell>
          <cell r="I22">
            <v>0</v>
          </cell>
          <cell r="J22">
            <v>0</v>
          </cell>
          <cell r="K22">
            <v>0</v>
          </cell>
          <cell r="L22">
            <v>0</v>
          </cell>
          <cell r="M22">
            <v>0</v>
          </cell>
          <cell r="N22">
            <v>0</v>
          </cell>
          <cell r="O22">
            <v>0</v>
          </cell>
          <cell r="P22">
            <v>0</v>
          </cell>
          <cell r="Q22">
            <v>0</v>
          </cell>
          <cell r="R22">
            <v>0</v>
          </cell>
          <cell r="S22">
            <v>0</v>
          </cell>
          <cell r="T22">
            <v>0</v>
          </cell>
          <cell r="U22">
            <v>0</v>
          </cell>
          <cell r="V22">
            <v>0</v>
          </cell>
          <cell r="W22">
            <v>0</v>
          </cell>
        </row>
        <row r="23">
          <cell r="A23" t="str">
            <v>ALM_carta_terzi_%</v>
          </cell>
          <cell r="G23">
            <v>0</v>
          </cell>
          <cell r="H23">
            <v>0</v>
          </cell>
          <cell r="I23">
            <v>0</v>
          </cell>
          <cell r="J23">
            <v>0</v>
          </cell>
          <cell r="K23">
            <v>0</v>
          </cell>
          <cell r="L23">
            <v>0</v>
          </cell>
          <cell r="M23">
            <v>0</v>
          </cell>
          <cell r="N23">
            <v>0</v>
          </cell>
          <cell r="O23">
            <v>0</v>
          </cell>
          <cell r="P23">
            <v>0</v>
          </cell>
          <cell r="Q23">
            <v>0</v>
          </cell>
          <cell r="R23">
            <v>0</v>
          </cell>
          <cell r="S23">
            <v>0</v>
          </cell>
          <cell r="T23">
            <v>0</v>
          </cell>
          <cell r="U23">
            <v>0</v>
          </cell>
          <cell r="V23">
            <v>0</v>
          </cell>
          <cell r="W23">
            <v>0</v>
          </cell>
        </row>
        <row r="24">
          <cell r="A24" t="str">
            <v>FUO_carta_terzi_%</v>
          </cell>
          <cell r="G24">
            <v>0</v>
          </cell>
          <cell r="H24">
            <v>0</v>
          </cell>
          <cell r="I24">
            <v>0</v>
          </cell>
          <cell r="J24">
            <v>0</v>
          </cell>
          <cell r="K24">
            <v>0</v>
          </cell>
          <cell r="L24">
            <v>0</v>
          </cell>
          <cell r="M24">
            <v>0</v>
          </cell>
          <cell r="N24">
            <v>0</v>
          </cell>
          <cell r="O24">
            <v>0</v>
          </cell>
          <cell r="P24">
            <v>0</v>
          </cell>
          <cell r="Q24">
            <v>0</v>
          </cell>
          <cell r="R24">
            <v>0</v>
          </cell>
          <cell r="S24">
            <v>0</v>
          </cell>
          <cell r="T24">
            <v>0</v>
          </cell>
          <cell r="U24">
            <v>0</v>
          </cell>
          <cell r="V24">
            <v>0</v>
          </cell>
          <cell r="W24">
            <v>0</v>
          </cell>
        </row>
        <row r="25">
          <cell r="A25" t="str">
            <v>XXX_carta_terzi_%</v>
          </cell>
          <cell r="G25">
            <v>0</v>
          </cell>
          <cell r="H25">
            <v>0</v>
          </cell>
          <cell r="I25">
            <v>0</v>
          </cell>
          <cell r="J25">
            <v>0</v>
          </cell>
          <cell r="K25">
            <v>0</v>
          </cell>
          <cell r="L25">
            <v>0</v>
          </cell>
          <cell r="M25">
            <v>0</v>
          </cell>
          <cell r="N25">
            <v>0</v>
          </cell>
          <cell r="O25">
            <v>0</v>
          </cell>
          <cell r="P25">
            <v>0</v>
          </cell>
          <cell r="Q25">
            <v>0</v>
          </cell>
          <cell r="R25">
            <v>0</v>
          </cell>
          <cell r="S25">
            <v>0</v>
          </cell>
          <cell r="T25">
            <v>0</v>
          </cell>
          <cell r="U25">
            <v>0</v>
          </cell>
          <cell r="V25">
            <v>0</v>
          </cell>
          <cell r="W25">
            <v>0</v>
          </cell>
        </row>
        <row r="26">
          <cell r="G26">
            <v>0</v>
          </cell>
          <cell r="H26">
            <v>0</v>
          </cell>
          <cell r="I26">
            <v>0</v>
          </cell>
          <cell r="J26">
            <v>0</v>
          </cell>
          <cell r="K26">
            <v>0</v>
          </cell>
          <cell r="L26">
            <v>0</v>
          </cell>
          <cell r="M26">
            <v>0</v>
          </cell>
          <cell r="N26">
            <v>0</v>
          </cell>
          <cell r="O26">
            <v>0</v>
          </cell>
          <cell r="P26">
            <v>0</v>
          </cell>
          <cell r="Q26">
            <v>0</v>
          </cell>
          <cell r="R26">
            <v>0</v>
          </cell>
          <cell r="S26">
            <v>0</v>
          </cell>
          <cell r="T26">
            <v>0</v>
          </cell>
          <cell r="U26">
            <v>0</v>
          </cell>
          <cell r="V26">
            <v>0</v>
          </cell>
          <cell r="W26">
            <v>0</v>
          </cell>
        </row>
        <row r="27">
          <cell r="A27" t="str">
            <v>Val_GP_%</v>
          </cell>
          <cell r="G27">
            <v>0</v>
          </cell>
          <cell r="H27">
            <v>5.366450254591708E-3</v>
          </cell>
          <cell r="I27">
            <v>2.683225127295854E-3</v>
          </cell>
          <cell r="J27">
            <v>2.683225127295854E-3</v>
          </cell>
          <cell r="K27">
            <v>2.683225127295854E-3</v>
          </cell>
          <cell r="L27">
            <v>2.683225127295854E-3</v>
          </cell>
          <cell r="M27">
            <v>2.683225127295854E-3</v>
          </cell>
          <cell r="N27">
            <v>2.683225127295854E-3</v>
          </cell>
          <cell r="O27">
            <v>2.683225127295854E-3</v>
          </cell>
          <cell r="P27">
            <v>2.683225127295854E-3</v>
          </cell>
          <cell r="Q27">
            <v>2.683225127295854E-3</v>
          </cell>
          <cell r="R27">
            <v>2.683225127295854E-3</v>
          </cell>
          <cell r="S27">
            <v>2.683225127295854E-3</v>
          </cell>
          <cell r="T27">
            <v>2.683225127295854E-3</v>
          </cell>
          <cell r="U27">
            <v>2.683225127295854E-3</v>
          </cell>
          <cell r="V27">
            <v>2.683225127295854E-3</v>
          </cell>
          <cell r="W27">
            <v>2.683225127295854E-3</v>
          </cell>
          <cell r="Y27">
            <v>0</v>
          </cell>
          <cell r="Z27">
            <v>0</v>
          </cell>
        </row>
        <row r="28">
          <cell r="A28" t="str">
            <v>Pre_GP_%</v>
          </cell>
          <cell r="G28">
            <v>0</v>
          </cell>
          <cell r="H28">
            <v>5.2082815034936092E-3</v>
          </cell>
          <cell r="I28">
            <v>2.6041407517468046E-3</v>
          </cell>
          <cell r="J28">
            <v>2.6041407517468046E-3</v>
          </cell>
          <cell r="K28">
            <v>2.6041407517468046E-3</v>
          </cell>
          <cell r="L28">
            <v>2.6041407517468046E-3</v>
          </cell>
          <cell r="M28">
            <v>2.6041407517468046E-3</v>
          </cell>
          <cell r="N28">
            <v>2.6041407517468046E-3</v>
          </cell>
          <cell r="O28">
            <v>2.6041407517468046E-3</v>
          </cell>
          <cell r="P28">
            <v>2.6041407517468046E-3</v>
          </cell>
          <cell r="Q28">
            <v>2.6041407517468046E-3</v>
          </cell>
          <cell r="R28">
            <v>2.6041407517468046E-3</v>
          </cell>
          <cell r="S28">
            <v>2.6041407517468046E-3</v>
          </cell>
          <cell r="T28">
            <v>2.6041407517468046E-3</v>
          </cell>
          <cell r="U28">
            <v>2.6041407517468046E-3</v>
          </cell>
          <cell r="V28">
            <v>2.6041407517468046E-3</v>
          </cell>
          <cell r="W28">
            <v>2.6041407517468046E-3</v>
          </cell>
        </row>
        <row r="29">
          <cell r="A29" t="str">
            <v>Sma_GP_%</v>
          </cell>
          <cell r="G29">
            <v>0</v>
          </cell>
          <cell r="H29">
            <v>1.0884449005452122E-3</v>
          </cell>
          <cell r="I29">
            <v>5.4422245027260611E-4</v>
          </cell>
          <cell r="J29">
            <v>5.4422245027260611E-4</v>
          </cell>
          <cell r="K29">
            <v>5.4422245027260611E-4</v>
          </cell>
          <cell r="L29">
            <v>5.4422245027260611E-4</v>
          </cell>
          <cell r="M29">
            <v>5.4422245027260611E-4</v>
          </cell>
          <cell r="N29">
            <v>5.4422245027260611E-4</v>
          </cell>
          <cell r="O29">
            <v>5.4422245027260611E-4</v>
          </cell>
          <cell r="P29">
            <v>5.4422245027260611E-4</v>
          </cell>
          <cell r="Q29">
            <v>5.4422245027260611E-4</v>
          </cell>
          <cell r="R29">
            <v>5.4422245027260611E-4</v>
          </cell>
          <cell r="S29">
            <v>5.4422245027260611E-4</v>
          </cell>
          <cell r="T29">
            <v>5.4422245027260611E-4</v>
          </cell>
          <cell r="U29">
            <v>5.4422245027260611E-4</v>
          </cell>
          <cell r="V29">
            <v>5.4422245027260611E-4</v>
          </cell>
          <cell r="W29">
            <v>5.4422245027260611E-4</v>
          </cell>
        </row>
        <row r="30">
          <cell r="A30" t="str">
            <v>Pri_GP_%</v>
          </cell>
          <cell r="G30">
            <v>0</v>
          </cell>
          <cell r="H30">
            <v>4.5350833595837704E-3</v>
          </cell>
          <cell r="I30">
            <v>2.2675416797918852E-3</v>
          </cell>
          <cell r="J30">
            <v>2.2675416797918852E-3</v>
          </cell>
          <cell r="K30">
            <v>2.2675416797918852E-3</v>
          </cell>
          <cell r="L30">
            <v>2.2675416797918852E-3</v>
          </cell>
          <cell r="M30">
            <v>2.2675416797918852E-3</v>
          </cell>
          <cell r="N30">
            <v>2.2675416797918852E-3</v>
          </cell>
          <cell r="O30">
            <v>2.2675416797918852E-3</v>
          </cell>
          <cell r="P30">
            <v>2.2675416797918852E-3</v>
          </cell>
          <cell r="Q30">
            <v>2.2675416797918852E-3</v>
          </cell>
          <cell r="R30">
            <v>2.2675416797918852E-3</v>
          </cell>
          <cell r="S30">
            <v>2.2675416797918852E-3</v>
          </cell>
          <cell r="T30">
            <v>2.2675416797918852E-3</v>
          </cell>
          <cell r="U30">
            <v>2.2675416797918852E-3</v>
          </cell>
          <cell r="V30">
            <v>2.2675416797918852E-3</v>
          </cell>
          <cell r="W30">
            <v>2.2675416797918852E-3</v>
          </cell>
        </row>
        <row r="31">
          <cell r="A31" t="str">
            <v>Fam_GP_%</v>
          </cell>
          <cell r="G31">
            <v>0</v>
          </cell>
          <cell r="H31">
            <v>4.2362318799141043E-3</v>
          </cell>
          <cell r="I31">
            <v>2.1181159399570521E-3</v>
          </cell>
          <cell r="J31">
            <v>2.1181159399570521E-3</v>
          </cell>
          <cell r="K31">
            <v>2.1181159399570521E-3</v>
          </cell>
          <cell r="L31">
            <v>2.1181159399570521E-3</v>
          </cell>
          <cell r="M31">
            <v>2.1181159399570521E-3</v>
          </cell>
          <cell r="N31">
            <v>2.1181159399570521E-3</v>
          </cell>
          <cell r="O31">
            <v>2.1181159399570521E-3</v>
          </cell>
          <cell r="P31">
            <v>2.1181159399570521E-3</v>
          </cell>
          <cell r="Q31">
            <v>2.1181159399570521E-3</v>
          </cell>
          <cell r="R31">
            <v>2.1181159399570521E-3</v>
          </cell>
          <cell r="S31">
            <v>2.1181159399570521E-3</v>
          </cell>
          <cell r="T31">
            <v>2.1181159399570521E-3</v>
          </cell>
          <cell r="U31">
            <v>2.1181159399570521E-3</v>
          </cell>
          <cell r="V31">
            <v>2.1181159399570521E-3</v>
          </cell>
          <cell r="W31">
            <v>2.1181159399570521E-3</v>
          </cell>
        </row>
        <row r="32">
          <cell r="A32" t="str">
            <v>PMI_GP_%</v>
          </cell>
          <cell r="G32">
            <v>0</v>
          </cell>
          <cell r="H32">
            <v>0</v>
          </cell>
          <cell r="I32">
            <v>0</v>
          </cell>
          <cell r="J32">
            <v>0</v>
          </cell>
          <cell r="K32">
            <v>0</v>
          </cell>
          <cell r="L32">
            <v>0</v>
          </cell>
          <cell r="M32">
            <v>0</v>
          </cell>
          <cell r="N32">
            <v>0</v>
          </cell>
          <cell r="O32">
            <v>0</v>
          </cell>
          <cell r="P32">
            <v>0</v>
          </cell>
          <cell r="Q32">
            <v>0</v>
          </cell>
          <cell r="R32">
            <v>0</v>
          </cell>
          <cell r="S32">
            <v>0</v>
          </cell>
          <cell r="T32">
            <v>0</v>
          </cell>
          <cell r="U32">
            <v>0</v>
          </cell>
          <cell r="V32">
            <v>0</v>
          </cell>
          <cell r="W32">
            <v>0</v>
          </cell>
        </row>
        <row r="33">
          <cell r="A33" t="str">
            <v>ENT_GP_%</v>
          </cell>
          <cell r="G33">
            <v>0</v>
          </cell>
          <cell r="H33">
            <v>0</v>
          </cell>
          <cell r="I33">
            <v>0</v>
          </cell>
          <cell r="J33">
            <v>0</v>
          </cell>
          <cell r="K33">
            <v>0</v>
          </cell>
          <cell r="L33">
            <v>0</v>
          </cell>
          <cell r="M33">
            <v>0</v>
          </cell>
          <cell r="N33">
            <v>0</v>
          </cell>
          <cell r="O33">
            <v>0</v>
          </cell>
          <cell r="P33">
            <v>0</v>
          </cell>
          <cell r="Q33">
            <v>0</v>
          </cell>
          <cell r="R33">
            <v>0</v>
          </cell>
          <cell r="S33">
            <v>0</v>
          </cell>
          <cell r="T33">
            <v>0</v>
          </cell>
          <cell r="U33">
            <v>0</v>
          </cell>
          <cell r="V33">
            <v>0</v>
          </cell>
          <cell r="W33">
            <v>0</v>
          </cell>
        </row>
        <row r="34">
          <cell r="A34" t="str">
            <v>Cor_GP_%</v>
          </cell>
          <cell r="G34">
            <v>0</v>
          </cell>
          <cell r="H34">
            <v>0</v>
          </cell>
          <cell r="I34">
            <v>0</v>
          </cell>
          <cell r="J34">
            <v>0</v>
          </cell>
          <cell r="K34">
            <v>0</v>
          </cell>
          <cell r="L34">
            <v>0</v>
          </cell>
          <cell r="M34">
            <v>0</v>
          </cell>
          <cell r="N34">
            <v>0</v>
          </cell>
          <cell r="O34">
            <v>0</v>
          </cell>
          <cell r="P34">
            <v>0</v>
          </cell>
          <cell r="Q34">
            <v>0</v>
          </cell>
          <cell r="R34">
            <v>0</v>
          </cell>
          <cell r="S34">
            <v>0</v>
          </cell>
          <cell r="T34">
            <v>0</v>
          </cell>
          <cell r="U34">
            <v>0</v>
          </cell>
          <cell r="V34">
            <v>0</v>
          </cell>
          <cell r="W34">
            <v>0</v>
          </cell>
        </row>
        <row r="35">
          <cell r="A35" t="str">
            <v>Gra_GP_%</v>
          </cell>
          <cell r="G35">
            <v>0</v>
          </cell>
          <cell r="H35">
            <v>0</v>
          </cell>
          <cell r="I35">
            <v>0</v>
          </cell>
          <cell r="J35">
            <v>0</v>
          </cell>
          <cell r="K35">
            <v>0</v>
          </cell>
          <cell r="L35">
            <v>0</v>
          </cell>
          <cell r="M35">
            <v>0</v>
          </cell>
          <cell r="N35">
            <v>0</v>
          </cell>
          <cell r="O35">
            <v>0</v>
          </cell>
          <cell r="P35">
            <v>0</v>
          </cell>
          <cell r="Q35">
            <v>0</v>
          </cell>
          <cell r="R35">
            <v>0</v>
          </cell>
          <cell r="S35">
            <v>0</v>
          </cell>
          <cell r="T35">
            <v>0</v>
          </cell>
          <cell r="U35">
            <v>0</v>
          </cell>
          <cell r="V35">
            <v>0</v>
          </cell>
          <cell r="W35">
            <v>0</v>
          </cell>
        </row>
        <row r="36">
          <cell r="A36" t="str">
            <v>FEX_GP_%</v>
          </cell>
          <cell r="G36">
            <v>0</v>
          </cell>
          <cell r="H36">
            <v>0</v>
          </cell>
          <cell r="I36">
            <v>0</v>
          </cell>
          <cell r="J36">
            <v>0</v>
          </cell>
          <cell r="K36">
            <v>0</v>
          </cell>
          <cell r="L36">
            <v>0</v>
          </cell>
          <cell r="M36">
            <v>0</v>
          </cell>
          <cell r="N36">
            <v>0</v>
          </cell>
          <cell r="O36">
            <v>0</v>
          </cell>
          <cell r="P36">
            <v>0</v>
          </cell>
          <cell r="Q36">
            <v>0</v>
          </cell>
          <cell r="R36">
            <v>0</v>
          </cell>
          <cell r="S36">
            <v>0</v>
          </cell>
          <cell r="T36">
            <v>0</v>
          </cell>
          <cell r="U36">
            <v>0</v>
          </cell>
          <cell r="V36">
            <v>0</v>
          </cell>
          <cell r="W36">
            <v>0</v>
          </cell>
        </row>
        <row r="37">
          <cell r="A37" t="str">
            <v>MCL_GP_%</v>
          </cell>
          <cell r="G37">
            <v>0</v>
          </cell>
          <cell r="H37">
            <v>0</v>
          </cell>
          <cell r="I37">
            <v>0</v>
          </cell>
          <cell r="J37">
            <v>0</v>
          </cell>
          <cell r="K37">
            <v>0</v>
          </cell>
          <cell r="L37">
            <v>0</v>
          </cell>
          <cell r="M37">
            <v>0</v>
          </cell>
          <cell r="N37">
            <v>0</v>
          </cell>
          <cell r="O37">
            <v>0</v>
          </cell>
          <cell r="P37">
            <v>0</v>
          </cell>
          <cell r="Q37">
            <v>0</v>
          </cell>
          <cell r="R37">
            <v>0</v>
          </cell>
          <cell r="S37">
            <v>0</v>
          </cell>
          <cell r="T37">
            <v>0</v>
          </cell>
          <cell r="U37">
            <v>0</v>
          </cell>
          <cell r="V37">
            <v>0</v>
          </cell>
          <cell r="W37">
            <v>0</v>
          </cell>
        </row>
        <row r="38">
          <cell r="A38" t="str">
            <v>MCG_GP_%</v>
          </cell>
          <cell r="G38">
            <v>0</v>
          </cell>
          <cell r="H38">
            <v>0</v>
          </cell>
          <cell r="I38">
            <v>0</v>
          </cell>
          <cell r="J38">
            <v>0</v>
          </cell>
          <cell r="K38">
            <v>0</v>
          </cell>
          <cell r="L38">
            <v>0</v>
          </cell>
          <cell r="M38">
            <v>0</v>
          </cell>
          <cell r="N38">
            <v>0</v>
          </cell>
          <cell r="O38">
            <v>0</v>
          </cell>
          <cell r="P38">
            <v>0</v>
          </cell>
          <cell r="Q38">
            <v>0</v>
          </cell>
          <cell r="R38">
            <v>0</v>
          </cell>
          <cell r="S38">
            <v>0</v>
          </cell>
          <cell r="T38">
            <v>0</v>
          </cell>
          <cell r="U38">
            <v>0</v>
          </cell>
          <cell r="V38">
            <v>0</v>
          </cell>
          <cell r="W38">
            <v>0</v>
          </cell>
        </row>
        <row r="39">
          <cell r="A39" t="str">
            <v>MLE_GP_%</v>
          </cell>
          <cell r="G39">
            <v>0</v>
          </cell>
          <cell r="H39">
            <v>0</v>
          </cell>
          <cell r="I39">
            <v>0</v>
          </cell>
          <cell r="J39">
            <v>0</v>
          </cell>
          <cell r="K39">
            <v>0</v>
          </cell>
          <cell r="L39">
            <v>0</v>
          </cell>
          <cell r="M39">
            <v>0</v>
          </cell>
          <cell r="N39">
            <v>0</v>
          </cell>
          <cell r="O39">
            <v>0</v>
          </cell>
          <cell r="P39">
            <v>0</v>
          </cell>
          <cell r="Q39">
            <v>0</v>
          </cell>
          <cell r="R39">
            <v>0</v>
          </cell>
          <cell r="S39">
            <v>0</v>
          </cell>
          <cell r="T39">
            <v>0</v>
          </cell>
          <cell r="U39">
            <v>0</v>
          </cell>
          <cell r="V39">
            <v>0</v>
          </cell>
          <cell r="W39">
            <v>0</v>
          </cell>
        </row>
        <row r="40">
          <cell r="A40" t="str">
            <v>MFA_GP_%</v>
          </cell>
          <cell r="G40">
            <v>0</v>
          </cell>
          <cell r="H40">
            <v>0</v>
          </cell>
          <cell r="I40">
            <v>0</v>
          </cell>
          <cell r="J40">
            <v>0</v>
          </cell>
          <cell r="K40">
            <v>0</v>
          </cell>
          <cell r="L40">
            <v>0</v>
          </cell>
          <cell r="M40">
            <v>0</v>
          </cell>
          <cell r="N40">
            <v>0</v>
          </cell>
          <cell r="O40">
            <v>0</v>
          </cell>
          <cell r="P40">
            <v>0</v>
          </cell>
          <cell r="Q40">
            <v>0</v>
          </cell>
          <cell r="R40">
            <v>0</v>
          </cell>
          <cell r="S40">
            <v>0</v>
          </cell>
          <cell r="T40">
            <v>0</v>
          </cell>
          <cell r="U40">
            <v>0</v>
          </cell>
          <cell r="V40">
            <v>0</v>
          </cell>
          <cell r="W40">
            <v>0</v>
          </cell>
        </row>
        <row r="41">
          <cell r="A41" t="str">
            <v>MBQ_GP_%</v>
          </cell>
          <cell r="G41">
            <v>0</v>
          </cell>
          <cell r="H41">
            <v>0</v>
          </cell>
          <cell r="I41">
            <v>0</v>
          </cell>
          <cell r="J41">
            <v>0</v>
          </cell>
          <cell r="K41">
            <v>0</v>
          </cell>
          <cell r="L41">
            <v>0</v>
          </cell>
          <cell r="M41">
            <v>0</v>
          </cell>
          <cell r="N41">
            <v>0</v>
          </cell>
          <cell r="O41">
            <v>0</v>
          </cell>
          <cell r="P41">
            <v>0</v>
          </cell>
          <cell r="Q41">
            <v>0</v>
          </cell>
          <cell r="R41">
            <v>0</v>
          </cell>
          <cell r="S41">
            <v>0</v>
          </cell>
          <cell r="T41">
            <v>0</v>
          </cell>
          <cell r="U41">
            <v>0</v>
          </cell>
          <cell r="V41">
            <v>0</v>
          </cell>
          <cell r="W41">
            <v>0</v>
          </cell>
        </row>
        <row r="42">
          <cell r="A42" t="str">
            <v>MBG_GP_%</v>
          </cell>
          <cell r="G42">
            <v>0</v>
          </cell>
          <cell r="H42">
            <v>0</v>
          </cell>
          <cell r="I42">
            <v>0</v>
          </cell>
          <cell r="J42">
            <v>0</v>
          </cell>
          <cell r="K42">
            <v>0</v>
          </cell>
          <cell r="L42">
            <v>0</v>
          </cell>
          <cell r="M42">
            <v>0</v>
          </cell>
          <cell r="N42">
            <v>0</v>
          </cell>
          <cell r="O42">
            <v>0</v>
          </cell>
          <cell r="P42">
            <v>0</v>
          </cell>
          <cell r="Q42">
            <v>0</v>
          </cell>
          <cell r="R42">
            <v>0</v>
          </cell>
          <cell r="S42">
            <v>0</v>
          </cell>
          <cell r="T42">
            <v>0</v>
          </cell>
          <cell r="U42">
            <v>0</v>
          </cell>
          <cell r="V42">
            <v>0</v>
          </cell>
          <cell r="W42">
            <v>0</v>
          </cell>
        </row>
        <row r="43">
          <cell r="A43" t="str">
            <v>WID_GP_%</v>
          </cell>
          <cell r="G43">
            <v>0</v>
          </cell>
          <cell r="H43">
            <v>0</v>
          </cell>
          <cell r="I43">
            <v>0</v>
          </cell>
          <cell r="J43">
            <v>0</v>
          </cell>
          <cell r="K43">
            <v>0</v>
          </cell>
          <cell r="L43">
            <v>0</v>
          </cell>
          <cell r="M43">
            <v>0</v>
          </cell>
          <cell r="N43">
            <v>0</v>
          </cell>
          <cell r="O43">
            <v>0</v>
          </cell>
          <cell r="P43">
            <v>0</v>
          </cell>
          <cell r="Q43">
            <v>0</v>
          </cell>
          <cell r="R43">
            <v>0</v>
          </cell>
          <cell r="S43">
            <v>0</v>
          </cell>
          <cell r="T43">
            <v>0</v>
          </cell>
          <cell r="U43">
            <v>0</v>
          </cell>
          <cell r="V43">
            <v>0</v>
          </cell>
          <cell r="W43">
            <v>0</v>
          </cell>
        </row>
        <row r="44">
          <cell r="A44" t="str">
            <v>FIN_GP_%</v>
          </cell>
          <cell r="G44">
            <v>0</v>
          </cell>
          <cell r="H44">
            <v>0</v>
          </cell>
          <cell r="I44">
            <v>0</v>
          </cell>
          <cell r="J44">
            <v>0</v>
          </cell>
          <cell r="K44">
            <v>0</v>
          </cell>
          <cell r="L44">
            <v>0</v>
          </cell>
          <cell r="M44">
            <v>0</v>
          </cell>
          <cell r="N44">
            <v>0</v>
          </cell>
          <cell r="O44">
            <v>0</v>
          </cell>
          <cell r="P44">
            <v>0</v>
          </cell>
          <cell r="Q44">
            <v>0</v>
          </cell>
          <cell r="R44">
            <v>0</v>
          </cell>
          <cell r="S44">
            <v>0</v>
          </cell>
          <cell r="T44">
            <v>0</v>
          </cell>
          <cell r="U44">
            <v>0</v>
          </cell>
          <cell r="V44">
            <v>0</v>
          </cell>
          <cell r="W44">
            <v>0</v>
          </cell>
        </row>
        <row r="45">
          <cell r="A45" t="str">
            <v>ALM_GP_%</v>
          </cell>
          <cell r="G45">
            <v>0</v>
          </cell>
          <cell r="H45">
            <v>0</v>
          </cell>
          <cell r="I45">
            <v>0</v>
          </cell>
          <cell r="J45">
            <v>0</v>
          </cell>
          <cell r="K45">
            <v>0</v>
          </cell>
          <cell r="L45">
            <v>0</v>
          </cell>
          <cell r="M45">
            <v>0</v>
          </cell>
          <cell r="N45">
            <v>0</v>
          </cell>
          <cell r="O45">
            <v>0</v>
          </cell>
          <cell r="P45">
            <v>0</v>
          </cell>
          <cell r="Q45">
            <v>0</v>
          </cell>
          <cell r="R45">
            <v>0</v>
          </cell>
          <cell r="S45">
            <v>0</v>
          </cell>
          <cell r="T45">
            <v>0</v>
          </cell>
          <cell r="U45">
            <v>0</v>
          </cell>
          <cell r="V45">
            <v>0</v>
          </cell>
          <cell r="W45">
            <v>0</v>
          </cell>
        </row>
        <row r="46">
          <cell r="A46" t="str">
            <v>FUO_GP_%</v>
          </cell>
          <cell r="G46">
            <v>0</v>
          </cell>
          <cell r="H46">
            <v>0</v>
          </cell>
          <cell r="I46">
            <v>0</v>
          </cell>
          <cell r="J46">
            <v>0</v>
          </cell>
          <cell r="K46">
            <v>0</v>
          </cell>
          <cell r="L46">
            <v>0</v>
          </cell>
          <cell r="M46">
            <v>0</v>
          </cell>
          <cell r="N46">
            <v>0</v>
          </cell>
          <cell r="O46">
            <v>0</v>
          </cell>
          <cell r="P46">
            <v>0</v>
          </cell>
          <cell r="Q46">
            <v>0</v>
          </cell>
          <cell r="R46">
            <v>0</v>
          </cell>
          <cell r="S46">
            <v>0</v>
          </cell>
          <cell r="T46">
            <v>0</v>
          </cell>
          <cell r="U46">
            <v>0</v>
          </cell>
          <cell r="V46">
            <v>0</v>
          </cell>
          <cell r="W46">
            <v>0</v>
          </cell>
        </row>
        <row r="47">
          <cell r="A47" t="str">
            <v>XXX_GP_%</v>
          </cell>
          <cell r="G47">
            <v>0</v>
          </cell>
          <cell r="H47">
            <v>0</v>
          </cell>
          <cell r="I47">
            <v>0</v>
          </cell>
          <cell r="J47">
            <v>0</v>
          </cell>
          <cell r="K47">
            <v>0</v>
          </cell>
          <cell r="L47">
            <v>0</v>
          </cell>
          <cell r="M47">
            <v>0</v>
          </cell>
          <cell r="N47">
            <v>0</v>
          </cell>
          <cell r="O47">
            <v>0</v>
          </cell>
          <cell r="P47">
            <v>0</v>
          </cell>
          <cell r="Q47">
            <v>0</v>
          </cell>
          <cell r="R47">
            <v>0</v>
          </cell>
          <cell r="S47">
            <v>0</v>
          </cell>
          <cell r="T47">
            <v>0</v>
          </cell>
          <cell r="U47">
            <v>0</v>
          </cell>
          <cell r="V47">
            <v>0</v>
          </cell>
          <cell r="W47">
            <v>0</v>
          </cell>
        </row>
        <row r="48">
          <cell r="G48">
            <v>0</v>
          </cell>
          <cell r="H48">
            <v>0</v>
          </cell>
          <cell r="I48">
            <v>0</v>
          </cell>
          <cell r="J48">
            <v>0</v>
          </cell>
          <cell r="K48">
            <v>0</v>
          </cell>
          <cell r="L48">
            <v>0</v>
          </cell>
          <cell r="M48">
            <v>0</v>
          </cell>
          <cell r="N48">
            <v>0</v>
          </cell>
          <cell r="O48">
            <v>0</v>
          </cell>
          <cell r="P48">
            <v>0</v>
          </cell>
          <cell r="Q48">
            <v>0</v>
          </cell>
          <cell r="R48">
            <v>0</v>
          </cell>
          <cell r="S48">
            <v>0</v>
          </cell>
          <cell r="T48">
            <v>0</v>
          </cell>
          <cell r="U48">
            <v>0</v>
          </cell>
          <cell r="V48">
            <v>0</v>
          </cell>
          <cell r="W48">
            <v>0</v>
          </cell>
        </row>
        <row r="49">
          <cell r="A49" t="str">
            <v>Val_Fondi_%</v>
          </cell>
          <cell r="G49">
            <v>-2.5575674672545557E-2</v>
          </cell>
          <cell r="H49">
            <v>2.5354834761904532E-2</v>
          </cell>
          <cell r="I49">
            <v>-1.1041995532051242E-4</v>
          </cell>
          <cell r="J49">
            <v>-1.1041995532051242E-4</v>
          </cell>
          <cell r="K49">
            <v>-1.1041995532051242E-4</v>
          </cell>
          <cell r="L49">
            <v>-1.1041995532051242E-4</v>
          </cell>
          <cell r="M49">
            <v>-1.1041995532051242E-4</v>
          </cell>
          <cell r="N49">
            <v>-1.1041995532051242E-4</v>
          </cell>
          <cell r="O49">
            <v>-1.1041995532051242E-4</v>
          </cell>
          <cell r="P49">
            <v>-1.1041995532051242E-4</v>
          </cell>
          <cell r="Q49">
            <v>-1.1041995532051242E-4</v>
          </cell>
          <cell r="R49">
            <v>-1.1041995532051242E-4</v>
          </cell>
          <cell r="S49">
            <v>-1.1041995532051242E-4</v>
          </cell>
          <cell r="T49">
            <v>-1.1041995532051242E-4</v>
          </cell>
          <cell r="U49">
            <v>-1.1041995532051242E-4</v>
          </cell>
          <cell r="V49">
            <v>-1.1041995532051242E-4</v>
          </cell>
          <cell r="W49">
            <v>-1.1041995532051242E-4</v>
          </cell>
          <cell r="Y49">
            <v>0</v>
          </cell>
          <cell r="Z49">
            <v>0</v>
          </cell>
        </row>
        <row r="50">
          <cell r="A50" t="str">
            <v>Pre_Fondi_%</v>
          </cell>
          <cell r="G50">
            <v>2.7263526748371545E-2</v>
          </cell>
          <cell r="H50">
            <v>2.5049685194594887E-2</v>
          </cell>
          <cell r="I50">
            <v>2.6156605971483216E-2</v>
          </cell>
          <cell r="J50">
            <v>2.6156605971483216E-2</v>
          </cell>
          <cell r="K50">
            <v>2.6156605971483216E-2</v>
          </cell>
          <cell r="L50">
            <v>2.6156605971483216E-2</v>
          </cell>
          <cell r="M50">
            <v>2.6156605971483216E-2</v>
          </cell>
          <cell r="N50">
            <v>2.6156605971483216E-2</v>
          </cell>
          <cell r="O50">
            <v>2.6156605971483216E-2</v>
          </cell>
          <cell r="P50">
            <v>2.6156605971483216E-2</v>
          </cell>
          <cell r="Q50">
            <v>2.6156605971483216E-2</v>
          </cell>
          <cell r="R50">
            <v>2.6156605971483216E-2</v>
          </cell>
          <cell r="S50">
            <v>2.6156605971483216E-2</v>
          </cell>
          <cell r="T50">
            <v>2.6156605971483216E-2</v>
          </cell>
          <cell r="U50">
            <v>2.6156605971483216E-2</v>
          </cell>
          <cell r="V50">
            <v>2.6156605971483216E-2</v>
          </cell>
          <cell r="W50">
            <v>2.6156605971483216E-2</v>
          </cell>
        </row>
        <row r="51">
          <cell r="A51" t="str">
            <v>Sma_Fondi_%</v>
          </cell>
          <cell r="G51">
            <v>1.166663743179884E-3</v>
          </cell>
          <cell r="H51">
            <v>1.3381144199515256E-2</v>
          </cell>
          <cell r="I51">
            <v>7.2739039713475701E-3</v>
          </cell>
          <cell r="J51">
            <v>7.2739039713475701E-3</v>
          </cell>
          <cell r="K51">
            <v>7.2739039713475701E-3</v>
          </cell>
          <cell r="L51">
            <v>7.2739039713475701E-3</v>
          </cell>
          <cell r="M51">
            <v>7.2739039713475701E-3</v>
          </cell>
          <cell r="N51">
            <v>7.2739039713475701E-3</v>
          </cell>
          <cell r="O51">
            <v>7.2739039713475701E-3</v>
          </cell>
          <cell r="P51">
            <v>7.2739039713475701E-3</v>
          </cell>
          <cell r="Q51">
            <v>7.2739039713475701E-3</v>
          </cell>
          <cell r="R51">
            <v>7.2739039713475701E-3</v>
          </cell>
          <cell r="S51">
            <v>7.2739039713475701E-3</v>
          </cell>
          <cell r="T51">
            <v>7.2739039713475701E-3</v>
          </cell>
          <cell r="U51">
            <v>7.2739039713475701E-3</v>
          </cell>
          <cell r="V51">
            <v>7.2739039713475701E-3</v>
          </cell>
          <cell r="W51">
            <v>7.2739039713475701E-3</v>
          </cell>
        </row>
        <row r="52">
          <cell r="A52" t="str">
            <v>Pri_Fondi_%</v>
          </cell>
          <cell r="G52">
            <v>1.5290225997992504E-2</v>
          </cell>
          <cell r="H52">
            <v>1.0542537582868699E-2</v>
          </cell>
          <cell r="I52">
            <v>1.2916381790430601E-2</v>
          </cell>
          <cell r="J52">
            <v>1.2916381790430601E-2</v>
          </cell>
          <cell r="K52">
            <v>1.2916381790430601E-2</v>
          </cell>
          <cell r="L52">
            <v>1.2916381790430601E-2</v>
          </cell>
          <cell r="M52">
            <v>1.2916381790430601E-2</v>
          </cell>
          <cell r="N52">
            <v>1.2916381790430601E-2</v>
          </cell>
          <cell r="O52">
            <v>1.2916381790430601E-2</v>
          </cell>
          <cell r="P52">
            <v>1.2916381790430601E-2</v>
          </cell>
          <cell r="Q52">
            <v>1.2916381790430601E-2</v>
          </cell>
          <cell r="R52">
            <v>1.2916381790430601E-2</v>
          </cell>
          <cell r="S52">
            <v>1.2916381790430601E-2</v>
          </cell>
          <cell r="T52">
            <v>1.2916381790430601E-2</v>
          </cell>
          <cell r="U52">
            <v>1.2916381790430601E-2</v>
          </cell>
          <cell r="V52">
            <v>1.2916381790430601E-2</v>
          </cell>
          <cell r="W52">
            <v>1.2916381790430601E-2</v>
          </cell>
        </row>
        <row r="53">
          <cell r="A53" t="str">
            <v>Fam_Fondi_%</v>
          </cell>
          <cell r="G53">
            <v>1.0410329362734659E-2</v>
          </cell>
          <cell r="H53">
            <v>9.835952116216443E-3</v>
          </cell>
          <cell r="I53">
            <v>1.0123140739475551E-2</v>
          </cell>
          <cell r="J53">
            <v>1.0123140739475551E-2</v>
          </cell>
          <cell r="K53">
            <v>1.0123140739475551E-2</v>
          </cell>
          <cell r="L53">
            <v>1.0123140739475551E-2</v>
          </cell>
          <cell r="M53">
            <v>1.0123140739475551E-2</v>
          </cell>
          <cell r="N53">
            <v>1.0123140739475551E-2</v>
          </cell>
          <cell r="O53">
            <v>1.0123140739475551E-2</v>
          </cell>
          <cell r="P53">
            <v>1.0123140739475551E-2</v>
          </cell>
          <cell r="Q53">
            <v>1.0123140739475551E-2</v>
          </cell>
          <cell r="R53">
            <v>1.0123140739475551E-2</v>
          </cell>
          <cell r="S53">
            <v>1.0123140739475551E-2</v>
          </cell>
          <cell r="T53">
            <v>1.0123140739475551E-2</v>
          </cell>
          <cell r="U53">
            <v>1.0123140739475551E-2</v>
          </cell>
          <cell r="V53">
            <v>1.0123140739475551E-2</v>
          </cell>
          <cell r="W53">
            <v>1.0123140739475551E-2</v>
          </cell>
        </row>
        <row r="54">
          <cell r="A54" t="str">
            <v>PMI_Fondi_%</v>
          </cell>
          <cell r="G54">
            <v>1.3991808603343113E-2</v>
          </cell>
          <cell r="H54">
            <v>6.4492388431793392E-4</v>
          </cell>
          <cell r="I54">
            <v>7.3183662438305232E-3</v>
          </cell>
          <cell r="J54">
            <v>7.3183662438305232E-3</v>
          </cell>
          <cell r="K54">
            <v>7.3183662438305232E-3</v>
          </cell>
          <cell r="L54">
            <v>7.3183662438305232E-3</v>
          </cell>
          <cell r="M54">
            <v>7.3183662438305232E-3</v>
          </cell>
          <cell r="N54">
            <v>7.3183662438305232E-3</v>
          </cell>
          <cell r="O54">
            <v>7.3183662438305232E-3</v>
          </cell>
          <cell r="P54">
            <v>7.3183662438305232E-3</v>
          </cell>
          <cell r="Q54">
            <v>7.3183662438305232E-3</v>
          </cell>
          <cell r="R54">
            <v>7.3183662438305232E-3</v>
          </cell>
          <cell r="S54">
            <v>7.3183662438305232E-3</v>
          </cell>
          <cell r="T54">
            <v>7.3183662438305232E-3</v>
          </cell>
          <cell r="U54">
            <v>7.3183662438305232E-3</v>
          </cell>
          <cell r="V54">
            <v>7.3183662438305232E-3</v>
          </cell>
          <cell r="W54">
            <v>7.3183662438305232E-3</v>
          </cell>
        </row>
        <row r="55">
          <cell r="A55" t="str">
            <v>ENT_Fondi_%</v>
          </cell>
          <cell r="G55">
            <v>2.6878889090579058E-2</v>
          </cell>
          <cell r="H55">
            <v>6.5424230186774349E-3</v>
          </cell>
          <cell r="I55">
            <v>1.6710656054628247E-2</v>
          </cell>
          <cell r="J55">
            <v>1.6710656054628247E-2</v>
          </cell>
          <cell r="K55">
            <v>1.6710656054628247E-2</v>
          </cell>
          <cell r="L55">
            <v>1.6710656054628247E-2</v>
          </cell>
          <cell r="M55">
            <v>1.6710656054628247E-2</v>
          </cell>
          <cell r="N55">
            <v>1.6710656054628247E-2</v>
          </cell>
          <cell r="O55">
            <v>1.6710656054628247E-2</v>
          </cell>
          <cell r="P55">
            <v>1.6710656054628247E-2</v>
          </cell>
          <cell r="Q55">
            <v>1.6710656054628247E-2</v>
          </cell>
          <cell r="R55">
            <v>1.6710656054628247E-2</v>
          </cell>
          <cell r="S55">
            <v>1.6710656054628247E-2</v>
          </cell>
          <cell r="T55">
            <v>1.6710656054628247E-2</v>
          </cell>
          <cell r="U55">
            <v>1.6710656054628247E-2</v>
          </cell>
          <cell r="V55">
            <v>1.6710656054628247E-2</v>
          </cell>
          <cell r="W55">
            <v>1.6710656054628247E-2</v>
          </cell>
        </row>
        <row r="56">
          <cell r="A56" t="str">
            <v>Cor_Fondi_%</v>
          </cell>
          <cell r="G56">
            <v>5.7499999999999869E-3</v>
          </cell>
          <cell r="H56">
            <v>5.1567064371284242E-3</v>
          </cell>
          <cell r="I56">
            <v>5.453353218564206E-3</v>
          </cell>
          <cell r="J56">
            <v>5.453353218564206E-3</v>
          </cell>
          <cell r="K56">
            <v>5.453353218564206E-3</v>
          </cell>
          <cell r="L56">
            <v>5.453353218564206E-3</v>
          </cell>
          <cell r="M56">
            <v>5.453353218564206E-3</v>
          </cell>
          <cell r="N56">
            <v>5.453353218564206E-3</v>
          </cell>
          <cell r="O56">
            <v>5.453353218564206E-3</v>
          </cell>
          <cell r="P56">
            <v>5.453353218564206E-3</v>
          </cell>
          <cell r="Q56">
            <v>5.453353218564206E-3</v>
          </cell>
          <cell r="R56">
            <v>5.453353218564206E-3</v>
          </cell>
          <cell r="S56">
            <v>5.453353218564206E-3</v>
          </cell>
          <cell r="T56">
            <v>5.453353218564206E-3</v>
          </cell>
          <cell r="U56">
            <v>5.453353218564206E-3</v>
          </cell>
          <cell r="V56">
            <v>5.453353218564206E-3</v>
          </cell>
          <cell r="W56">
            <v>5.453353218564206E-3</v>
          </cell>
        </row>
        <row r="57">
          <cell r="A57" t="str">
            <v>Gra_Fondi_%</v>
          </cell>
          <cell r="G57">
            <v>0</v>
          </cell>
          <cell r="H57">
            <v>0</v>
          </cell>
          <cell r="I57">
            <v>0</v>
          </cell>
          <cell r="J57">
            <v>0</v>
          </cell>
          <cell r="K57">
            <v>0</v>
          </cell>
          <cell r="L57">
            <v>0</v>
          </cell>
          <cell r="M57">
            <v>0</v>
          </cell>
          <cell r="N57">
            <v>0</v>
          </cell>
          <cell r="O57">
            <v>0</v>
          </cell>
          <cell r="P57">
            <v>0</v>
          </cell>
          <cell r="Q57">
            <v>0</v>
          </cell>
          <cell r="R57">
            <v>0</v>
          </cell>
          <cell r="S57">
            <v>0</v>
          </cell>
          <cell r="T57">
            <v>0</v>
          </cell>
          <cell r="U57">
            <v>0</v>
          </cell>
          <cell r="V57">
            <v>0</v>
          </cell>
          <cell r="W57">
            <v>0</v>
          </cell>
        </row>
        <row r="58">
          <cell r="A58" t="str">
            <v>FEX_Fondi_%</v>
          </cell>
          <cell r="G58">
            <v>0</v>
          </cell>
          <cell r="H58">
            <v>0</v>
          </cell>
          <cell r="I58">
            <v>0</v>
          </cell>
          <cell r="J58">
            <v>0</v>
          </cell>
          <cell r="K58">
            <v>0</v>
          </cell>
          <cell r="L58">
            <v>0</v>
          </cell>
          <cell r="M58">
            <v>0</v>
          </cell>
          <cell r="N58">
            <v>0</v>
          </cell>
          <cell r="O58">
            <v>0</v>
          </cell>
          <cell r="P58">
            <v>0</v>
          </cell>
          <cell r="Q58">
            <v>0</v>
          </cell>
          <cell r="R58">
            <v>0</v>
          </cell>
          <cell r="S58">
            <v>0</v>
          </cell>
          <cell r="T58">
            <v>0</v>
          </cell>
          <cell r="U58">
            <v>0</v>
          </cell>
          <cell r="V58">
            <v>0</v>
          </cell>
          <cell r="W58">
            <v>0</v>
          </cell>
        </row>
        <row r="59">
          <cell r="A59" t="str">
            <v>MCL_Fondi_%</v>
          </cell>
          <cell r="G59">
            <v>0</v>
          </cell>
          <cell r="H59">
            <v>0</v>
          </cell>
          <cell r="I59">
            <v>0</v>
          </cell>
          <cell r="J59">
            <v>0</v>
          </cell>
          <cell r="K59">
            <v>0</v>
          </cell>
          <cell r="L59">
            <v>0</v>
          </cell>
          <cell r="M59">
            <v>0</v>
          </cell>
          <cell r="N59">
            <v>0</v>
          </cell>
          <cell r="O59">
            <v>0</v>
          </cell>
          <cell r="P59">
            <v>0</v>
          </cell>
          <cell r="Q59">
            <v>0</v>
          </cell>
          <cell r="R59">
            <v>0</v>
          </cell>
          <cell r="S59">
            <v>0</v>
          </cell>
          <cell r="T59">
            <v>0</v>
          </cell>
          <cell r="U59">
            <v>0</v>
          </cell>
          <cell r="V59">
            <v>0</v>
          </cell>
          <cell r="W59">
            <v>0</v>
          </cell>
        </row>
        <row r="60">
          <cell r="A60" t="str">
            <v>MCG_Fondi_%</v>
          </cell>
          <cell r="G60">
            <v>0</v>
          </cell>
          <cell r="H60">
            <v>0</v>
          </cell>
          <cell r="I60">
            <v>0</v>
          </cell>
          <cell r="J60">
            <v>0</v>
          </cell>
          <cell r="K60">
            <v>0</v>
          </cell>
          <cell r="L60">
            <v>0</v>
          </cell>
          <cell r="M60">
            <v>0</v>
          </cell>
          <cell r="N60">
            <v>0</v>
          </cell>
          <cell r="O60">
            <v>0</v>
          </cell>
          <cell r="P60">
            <v>0</v>
          </cell>
          <cell r="Q60">
            <v>0</v>
          </cell>
          <cell r="R60">
            <v>0</v>
          </cell>
          <cell r="S60">
            <v>0</v>
          </cell>
          <cell r="T60">
            <v>0</v>
          </cell>
          <cell r="U60">
            <v>0</v>
          </cell>
          <cell r="V60">
            <v>0</v>
          </cell>
          <cell r="W60">
            <v>0</v>
          </cell>
        </row>
        <row r="61">
          <cell r="A61" t="str">
            <v>MLE_Fondi_%</v>
          </cell>
          <cell r="G61">
            <v>0</v>
          </cell>
          <cell r="H61">
            <v>0</v>
          </cell>
          <cell r="I61">
            <v>0</v>
          </cell>
          <cell r="J61">
            <v>0</v>
          </cell>
          <cell r="K61">
            <v>0</v>
          </cell>
          <cell r="L61">
            <v>0</v>
          </cell>
          <cell r="M61">
            <v>0</v>
          </cell>
          <cell r="N61">
            <v>0</v>
          </cell>
          <cell r="O61">
            <v>0</v>
          </cell>
          <cell r="P61">
            <v>0</v>
          </cell>
          <cell r="Q61">
            <v>0</v>
          </cell>
          <cell r="R61">
            <v>0</v>
          </cell>
          <cell r="S61">
            <v>0</v>
          </cell>
          <cell r="T61">
            <v>0</v>
          </cell>
          <cell r="U61">
            <v>0</v>
          </cell>
          <cell r="V61">
            <v>0</v>
          </cell>
          <cell r="W61">
            <v>0</v>
          </cell>
        </row>
        <row r="62">
          <cell r="A62" t="str">
            <v>MFA_Fondi_%</v>
          </cell>
          <cell r="G62">
            <v>0</v>
          </cell>
          <cell r="H62">
            <v>0</v>
          </cell>
          <cell r="I62">
            <v>0</v>
          </cell>
          <cell r="J62">
            <v>0</v>
          </cell>
          <cell r="K62">
            <v>0</v>
          </cell>
          <cell r="L62">
            <v>0</v>
          </cell>
          <cell r="M62">
            <v>0</v>
          </cell>
          <cell r="N62">
            <v>0</v>
          </cell>
          <cell r="O62">
            <v>0</v>
          </cell>
          <cell r="P62">
            <v>0</v>
          </cell>
          <cell r="Q62">
            <v>0</v>
          </cell>
          <cell r="R62">
            <v>0</v>
          </cell>
          <cell r="S62">
            <v>0</v>
          </cell>
          <cell r="T62">
            <v>0</v>
          </cell>
          <cell r="U62">
            <v>0</v>
          </cell>
          <cell r="V62">
            <v>0</v>
          </cell>
          <cell r="W62">
            <v>0</v>
          </cell>
        </row>
        <row r="63">
          <cell r="A63" t="str">
            <v>MBQ_Fondi_%</v>
          </cell>
          <cell r="G63">
            <v>0</v>
          </cell>
          <cell r="H63">
            <v>0</v>
          </cell>
          <cell r="I63">
            <v>0</v>
          </cell>
          <cell r="J63">
            <v>0</v>
          </cell>
          <cell r="K63">
            <v>0</v>
          </cell>
          <cell r="L63">
            <v>0</v>
          </cell>
          <cell r="M63">
            <v>0</v>
          </cell>
          <cell r="N63">
            <v>0</v>
          </cell>
          <cell r="O63">
            <v>0</v>
          </cell>
          <cell r="P63">
            <v>0</v>
          </cell>
          <cell r="Q63">
            <v>0</v>
          </cell>
          <cell r="R63">
            <v>0</v>
          </cell>
          <cell r="S63">
            <v>0</v>
          </cell>
          <cell r="T63">
            <v>0</v>
          </cell>
          <cell r="U63">
            <v>0</v>
          </cell>
          <cell r="V63">
            <v>0</v>
          </cell>
          <cell r="W63">
            <v>0</v>
          </cell>
        </row>
        <row r="64">
          <cell r="A64" t="str">
            <v>MBG_Fondi_%</v>
          </cell>
          <cell r="G64">
            <v>0</v>
          </cell>
          <cell r="H64">
            <v>0</v>
          </cell>
          <cell r="I64">
            <v>0</v>
          </cell>
          <cell r="J64">
            <v>0</v>
          </cell>
          <cell r="K64">
            <v>0</v>
          </cell>
          <cell r="L64">
            <v>0</v>
          </cell>
          <cell r="M64">
            <v>0</v>
          </cell>
          <cell r="N64">
            <v>0</v>
          </cell>
          <cell r="O64">
            <v>0</v>
          </cell>
          <cell r="P64">
            <v>0</v>
          </cell>
          <cell r="Q64">
            <v>0</v>
          </cell>
          <cell r="R64">
            <v>0</v>
          </cell>
          <cell r="S64">
            <v>0</v>
          </cell>
          <cell r="T64">
            <v>0</v>
          </cell>
          <cell r="U64">
            <v>0</v>
          </cell>
          <cell r="V64">
            <v>0</v>
          </cell>
          <cell r="W64">
            <v>0</v>
          </cell>
        </row>
        <row r="65">
          <cell r="A65" t="str">
            <v>WID_Fondi_%</v>
          </cell>
          <cell r="G65">
            <v>1.1304297130908168E-2</v>
          </cell>
          <cell r="H65">
            <v>7.9879415416044212E-3</v>
          </cell>
          <cell r="I65">
            <v>9.6461193362562953E-3</v>
          </cell>
          <cell r="J65">
            <v>9.6461193362562953E-3</v>
          </cell>
          <cell r="K65">
            <v>9.6461193362562953E-3</v>
          </cell>
          <cell r="L65">
            <v>9.6461193362562953E-3</v>
          </cell>
          <cell r="M65">
            <v>9.6461193362562953E-3</v>
          </cell>
          <cell r="N65">
            <v>9.6461193362562953E-3</v>
          </cell>
          <cell r="O65">
            <v>9.6461193362562953E-3</v>
          </cell>
          <cell r="P65">
            <v>9.6461193362562953E-3</v>
          </cell>
          <cell r="Q65">
            <v>9.6461193362562953E-3</v>
          </cell>
          <cell r="R65">
            <v>9.6461193362562953E-3</v>
          </cell>
          <cell r="S65">
            <v>9.6461193362562953E-3</v>
          </cell>
          <cell r="T65">
            <v>9.6461193362562953E-3</v>
          </cell>
          <cell r="U65">
            <v>9.6461193362562953E-3</v>
          </cell>
          <cell r="V65">
            <v>9.6461193362562953E-3</v>
          </cell>
          <cell r="W65">
            <v>9.6461193362562953E-3</v>
          </cell>
        </row>
        <row r="66">
          <cell r="A66" t="str">
            <v>FIN_Fondi_%</v>
          </cell>
          <cell r="G66">
            <v>0</v>
          </cell>
          <cell r="H66">
            <v>0</v>
          </cell>
          <cell r="I66">
            <v>0</v>
          </cell>
          <cell r="J66">
            <v>0</v>
          </cell>
          <cell r="K66">
            <v>0</v>
          </cell>
          <cell r="L66">
            <v>0</v>
          </cell>
          <cell r="M66">
            <v>0</v>
          </cell>
          <cell r="N66">
            <v>0</v>
          </cell>
          <cell r="O66">
            <v>0</v>
          </cell>
          <cell r="P66">
            <v>0</v>
          </cell>
          <cell r="Q66">
            <v>0</v>
          </cell>
          <cell r="R66">
            <v>0</v>
          </cell>
          <cell r="S66">
            <v>0</v>
          </cell>
          <cell r="T66">
            <v>0</v>
          </cell>
          <cell r="U66">
            <v>0</v>
          </cell>
          <cell r="V66">
            <v>0</v>
          </cell>
          <cell r="W66">
            <v>0</v>
          </cell>
        </row>
        <row r="67">
          <cell r="A67" t="str">
            <v>ALM_Fondi_%</v>
          </cell>
          <cell r="G67">
            <v>0</v>
          </cell>
          <cell r="H67">
            <v>0</v>
          </cell>
          <cell r="I67">
            <v>0</v>
          </cell>
          <cell r="J67">
            <v>0</v>
          </cell>
          <cell r="K67">
            <v>0</v>
          </cell>
          <cell r="L67">
            <v>0</v>
          </cell>
          <cell r="M67">
            <v>0</v>
          </cell>
          <cell r="N67">
            <v>0</v>
          </cell>
          <cell r="O67">
            <v>0</v>
          </cell>
          <cell r="P67">
            <v>0</v>
          </cell>
          <cell r="Q67">
            <v>0</v>
          </cell>
          <cell r="R67">
            <v>0</v>
          </cell>
          <cell r="S67">
            <v>0</v>
          </cell>
          <cell r="T67">
            <v>0</v>
          </cell>
          <cell r="U67">
            <v>0</v>
          </cell>
          <cell r="V67">
            <v>0</v>
          </cell>
          <cell r="W67">
            <v>0</v>
          </cell>
        </row>
        <row r="68">
          <cell r="A68" t="str">
            <v>FUO_Fondi_%</v>
          </cell>
          <cell r="G68">
            <v>0</v>
          </cell>
          <cell r="H68">
            <v>0</v>
          </cell>
          <cell r="I68">
            <v>0</v>
          </cell>
          <cell r="J68">
            <v>0</v>
          </cell>
          <cell r="K68">
            <v>0</v>
          </cell>
          <cell r="L68">
            <v>0</v>
          </cell>
          <cell r="M68">
            <v>0</v>
          </cell>
          <cell r="N68">
            <v>0</v>
          </cell>
          <cell r="O68">
            <v>0</v>
          </cell>
          <cell r="P68">
            <v>0</v>
          </cell>
          <cell r="Q68">
            <v>0</v>
          </cell>
          <cell r="R68">
            <v>0</v>
          </cell>
          <cell r="S68">
            <v>0</v>
          </cell>
          <cell r="T68">
            <v>0</v>
          </cell>
          <cell r="U68">
            <v>0</v>
          </cell>
          <cell r="V68">
            <v>0</v>
          </cell>
          <cell r="W68">
            <v>0</v>
          </cell>
        </row>
        <row r="69">
          <cell r="A69" t="str">
            <v>XXX_Fondi_%</v>
          </cell>
          <cell r="G69">
            <v>0</v>
          </cell>
          <cell r="H69">
            <v>0</v>
          </cell>
          <cell r="I69">
            <v>0</v>
          </cell>
          <cell r="J69">
            <v>0</v>
          </cell>
          <cell r="K69">
            <v>0</v>
          </cell>
          <cell r="L69">
            <v>0</v>
          </cell>
          <cell r="M69">
            <v>0</v>
          </cell>
          <cell r="N69">
            <v>0</v>
          </cell>
          <cell r="O69">
            <v>0</v>
          </cell>
          <cell r="P69">
            <v>0</v>
          </cell>
          <cell r="Q69">
            <v>0</v>
          </cell>
          <cell r="R69">
            <v>0</v>
          </cell>
          <cell r="S69">
            <v>0</v>
          </cell>
          <cell r="T69">
            <v>0</v>
          </cell>
          <cell r="U69">
            <v>0</v>
          </cell>
          <cell r="V69">
            <v>0</v>
          </cell>
          <cell r="W69">
            <v>0</v>
          </cell>
        </row>
        <row r="70">
          <cell r="G70">
            <v>0</v>
          </cell>
          <cell r="H70">
            <v>0</v>
          </cell>
          <cell r="I70">
            <v>0</v>
          </cell>
          <cell r="J70">
            <v>0</v>
          </cell>
          <cell r="K70">
            <v>0</v>
          </cell>
          <cell r="L70">
            <v>0</v>
          </cell>
          <cell r="M70">
            <v>0</v>
          </cell>
          <cell r="N70">
            <v>0</v>
          </cell>
          <cell r="O70">
            <v>0</v>
          </cell>
          <cell r="P70">
            <v>0</v>
          </cell>
          <cell r="Q70">
            <v>0</v>
          </cell>
          <cell r="R70">
            <v>0</v>
          </cell>
          <cell r="S70">
            <v>0</v>
          </cell>
          <cell r="T70">
            <v>0</v>
          </cell>
          <cell r="U70">
            <v>0</v>
          </cell>
          <cell r="V70">
            <v>0</v>
          </cell>
          <cell r="W70">
            <v>0</v>
          </cell>
        </row>
        <row r="71">
          <cell r="A71" t="str">
            <v>Val_tradizionali_%</v>
          </cell>
          <cell r="G71">
            <v>0.12309399563804695</v>
          </cell>
          <cell r="H71">
            <v>1.2114389202438366E-2</v>
          </cell>
          <cell r="I71">
            <v>2.8596142609903119E-2</v>
          </cell>
          <cell r="J71">
            <v>2.8596142609903119E-2</v>
          </cell>
          <cell r="K71">
            <v>2.8596142609903119E-2</v>
          </cell>
          <cell r="L71">
            <v>2.8596142609903119E-2</v>
          </cell>
          <cell r="M71">
            <v>2.8596142609903119E-2</v>
          </cell>
          <cell r="N71">
            <v>2.8596142609903119E-2</v>
          </cell>
          <cell r="O71">
            <v>2.8596142609903119E-2</v>
          </cell>
          <cell r="P71">
            <v>2.8596142609903119E-2</v>
          </cell>
          <cell r="Q71">
            <v>2.8596142609903119E-2</v>
          </cell>
          <cell r="R71">
            <v>2.8596142609903119E-2</v>
          </cell>
          <cell r="S71">
            <v>2.8596142609903119E-2</v>
          </cell>
          <cell r="T71">
            <v>2.8596142609903119E-2</v>
          </cell>
          <cell r="U71">
            <v>2.8596142609903119E-2</v>
          </cell>
          <cell r="V71">
            <v>2.8596142609903119E-2</v>
          </cell>
          <cell r="W71">
            <v>2.8596142609903119E-2</v>
          </cell>
          <cell r="Y71">
            <v>0</v>
          </cell>
          <cell r="Z71">
            <v>0</v>
          </cell>
        </row>
        <row r="72">
          <cell r="A72" t="str">
            <v>Pre_tradizionali_%</v>
          </cell>
          <cell r="G72">
            <v>1.4255334233754517E-2</v>
          </cell>
          <cell r="H72">
            <v>5.5405376690085733E-3</v>
          </cell>
          <cell r="I72">
            <v>1.4676655697776314E-2</v>
          </cell>
          <cell r="J72">
            <v>1.4676655697776314E-2</v>
          </cell>
          <cell r="K72">
            <v>1.4676655697776314E-2</v>
          </cell>
          <cell r="L72">
            <v>1.4676655697776314E-2</v>
          </cell>
          <cell r="M72">
            <v>1.4676655697776314E-2</v>
          </cell>
          <cell r="N72">
            <v>1.4676655697776314E-2</v>
          </cell>
          <cell r="O72">
            <v>1.4676655697776314E-2</v>
          </cell>
          <cell r="P72">
            <v>1.4676655697776314E-2</v>
          </cell>
          <cell r="Q72">
            <v>1.4676655697776314E-2</v>
          </cell>
          <cell r="R72">
            <v>1.4676655697776314E-2</v>
          </cell>
          <cell r="S72">
            <v>1.4676655697776314E-2</v>
          </cell>
          <cell r="T72">
            <v>1.4676655697776314E-2</v>
          </cell>
          <cell r="U72">
            <v>1.4676655697776314E-2</v>
          </cell>
          <cell r="V72">
            <v>1.4676655697776314E-2</v>
          </cell>
          <cell r="W72">
            <v>1.4676655697776314E-2</v>
          </cell>
        </row>
        <row r="73">
          <cell r="A73" t="str">
            <v>Sma_tradizionali_%</v>
          </cell>
          <cell r="G73">
            <v>2.7739303585910678E-3</v>
          </cell>
          <cell r="H73">
            <v>5.9800052476250195E-3</v>
          </cell>
          <cell r="I73">
            <v>5.6629582162201148E-3</v>
          </cell>
          <cell r="J73">
            <v>5.6629582162201148E-3</v>
          </cell>
          <cell r="K73">
            <v>5.6629582162201148E-3</v>
          </cell>
          <cell r="L73">
            <v>5.6629582162201148E-3</v>
          </cell>
          <cell r="M73">
            <v>5.6629582162201148E-3</v>
          </cell>
          <cell r="N73">
            <v>5.6629582162201148E-3</v>
          </cell>
          <cell r="O73">
            <v>5.6629582162201148E-3</v>
          </cell>
          <cell r="P73">
            <v>5.6629582162201148E-3</v>
          </cell>
          <cell r="Q73">
            <v>5.6629582162201148E-3</v>
          </cell>
          <cell r="R73">
            <v>5.6629582162201148E-3</v>
          </cell>
          <cell r="S73">
            <v>5.6629582162201148E-3</v>
          </cell>
          <cell r="T73">
            <v>5.6629582162201148E-3</v>
          </cell>
          <cell r="U73">
            <v>5.6629582162201148E-3</v>
          </cell>
          <cell r="V73">
            <v>5.6629582162201148E-3</v>
          </cell>
          <cell r="W73">
            <v>5.6629582162201148E-3</v>
          </cell>
        </row>
        <row r="74">
          <cell r="A74" t="str">
            <v>Pri_tradizionali_%</v>
          </cell>
          <cell r="G74">
            <v>3.297188226535071E-3</v>
          </cell>
          <cell r="H74">
            <v>2.032935374988529E-3</v>
          </cell>
          <cell r="I74">
            <v>4.2365983166190386E-3</v>
          </cell>
          <cell r="J74">
            <v>4.2365983166190386E-3</v>
          </cell>
          <cell r="K74">
            <v>4.2365983166190386E-3</v>
          </cell>
          <cell r="L74">
            <v>4.2365983166190386E-3</v>
          </cell>
          <cell r="M74">
            <v>4.2365983166190386E-3</v>
          </cell>
          <cell r="N74">
            <v>4.2365983166190386E-3</v>
          </cell>
          <cell r="O74">
            <v>4.2365983166190386E-3</v>
          </cell>
          <cell r="P74">
            <v>4.2365983166190386E-3</v>
          </cell>
          <cell r="Q74">
            <v>4.2365983166190386E-3</v>
          </cell>
          <cell r="R74">
            <v>4.2365983166190386E-3</v>
          </cell>
          <cell r="S74">
            <v>4.2365983166190386E-3</v>
          </cell>
          <cell r="T74">
            <v>4.2365983166190386E-3</v>
          </cell>
          <cell r="U74">
            <v>4.2365983166190386E-3</v>
          </cell>
          <cell r="V74">
            <v>4.2365983166190386E-3</v>
          </cell>
          <cell r="W74">
            <v>4.2365983166190386E-3</v>
          </cell>
        </row>
        <row r="75">
          <cell r="A75" t="str">
            <v>Fam_tradizionali_%</v>
          </cell>
          <cell r="G75">
            <v>0</v>
          </cell>
          <cell r="H75">
            <v>0</v>
          </cell>
          <cell r="I75">
            <v>0</v>
          </cell>
          <cell r="J75">
            <v>0</v>
          </cell>
          <cell r="K75">
            <v>0</v>
          </cell>
          <cell r="L75">
            <v>0</v>
          </cell>
          <cell r="M75">
            <v>0</v>
          </cell>
          <cell r="N75">
            <v>0</v>
          </cell>
          <cell r="O75">
            <v>0</v>
          </cell>
          <cell r="P75">
            <v>0</v>
          </cell>
          <cell r="Q75">
            <v>0</v>
          </cell>
          <cell r="R75">
            <v>0</v>
          </cell>
          <cell r="S75">
            <v>0</v>
          </cell>
          <cell r="T75">
            <v>0</v>
          </cell>
          <cell r="U75">
            <v>0</v>
          </cell>
          <cell r="V75">
            <v>0</v>
          </cell>
          <cell r="W75">
            <v>0</v>
          </cell>
        </row>
        <row r="76">
          <cell r="A76" t="str">
            <v>PMI_tradizionali_%</v>
          </cell>
          <cell r="G76">
            <v>0</v>
          </cell>
          <cell r="H76">
            <v>3.3851136193792353E-3</v>
          </cell>
          <cell r="I76">
            <v>0</v>
          </cell>
          <cell r="J76">
            <v>0</v>
          </cell>
          <cell r="K76">
            <v>0</v>
          </cell>
          <cell r="L76">
            <v>0</v>
          </cell>
          <cell r="M76">
            <v>0</v>
          </cell>
          <cell r="N76">
            <v>0</v>
          </cell>
          <cell r="O76">
            <v>0</v>
          </cell>
          <cell r="P76">
            <v>0</v>
          </cell>
          <cell r="Q76">
            <v>0</v>
          </cell>
          <cell r="R76">
            <v>0</v>
          </cell>
          <cell r="S76">
            <v>0</v>
          </cell>
          <cell r="T76">
            <v>0</v>
          </cell>
          <cell r="U76">
            <v>0</v>
          </cell>
          <cell r="V76">
            <v>0</v>
          </cell>
          <cell r="W76">
            <v>0</v>
          </cell>
        </row>
        <row r="77">
          <cell r="A77" t="str">
            <v>ENT_tradizionali_%</v>
          </cell>
          <cell r="G77">
            <v>1.978854505633996E-3</v>
          </cell>
          <cell r="H77">
            <v>2.2617871859630465E-3</v>
          </cell>
          <cell r="I77">
            <v>8.7630053345465035E-4</v>
          </cell>
          <cell r="J77">
            <v>8.7630053345465035E-4</v>
          </cell>
          <cell r="K77">
            <v>8.7630053345465035E-4</v>
          </cell>
          <cell r="L77">
            <v>8.7630053345465035E-4</v>
          </cell>
          <cell r="M77">
            <v>8.7630053345465035E-4</v>
          </cell>
          <cell r="N77">
            <v>8.7630053345465035E-4</v>
          </cell>
          <cell r="O77">
            <v>8.7630053345465035E-4</v>
          </cell>
          <cell r="P77">
            <v>8.7630053345465035E-4</v>
          </cell>
          <cell r="Q77">
            <v>8.7630053345465035E-4</v>
          </cell>
          <cell r="R77">
            <v>8.7630053345465035E-4</v>
          </cell>
          <cell r="S77">
            <v>8.7630053345465035E-4</v>
          </cell>
          <cell r="T77">
            <v>8.7630053345465035E-4</v>
          </cell>
          <cell r="U77">
            <v>8.7630053345465035E-4</v>
          </cell>
          <cell r="V77">
            <v>8.7630053345465035E-4</v>
          </cell>
          <cell r="W77">
            <v>8.7630053345465035E-4</v>
          </cell>
        </row>
        <row r="78">
          <cell r="A78" t="str">
            <v>Cor_tradizionali_%</v>
          </cell>
          <cell r="G78">
            <v>0</v>
          </cell>
          <cell r="H78">
            <v>2.4005955129685211E-3</v>
          </cell>
          <cell r="I78">
            <v>0</v>
          </cell>
          <cell r="J78">
            <v>0</v>
          </cell>
          <cell r="K78">
            <v>0</v>
          </cell>
          <cell r="L78">
            <v>0</v>
          </cell>
          <cell r="M78">
            <v>0</v>
          </cell>
          <cell r="N78">
            <v>0</v>
          </cell>
          <cell r="O78">
            <v>0</v>
          </cell>
          <cell r="P78">
            <v>0</v>
          </cell>
          <cell r="Q78">
            <v>0</v>
          </cell>
          <cell r="R78">
            <v>0</v>
          </cell>
          <cell r="S78">
            <v>0</v>
          </cell>
          <cell r="T78">
            <v>0</v>
          </cell>
          <cell r="U78">
            <v>0</v>
          </cell>
          <cell r="V78">
            <v>0</v>
          </cell>
          <cell r="W78">
            <v>0</v>
          </cell>
        </row>
        <row r="79">
          <cell r="A79" t="str">
            <v>Gra_tradizionali_%</v>
          </cell>
          <cell r="G79">
            <v>0</v>
          </cell>
          <cell r="H79">
            <v>0</v>
          </cell>
          <cell r="I79">
            <v>0</v>
          </cell>
          <cell r="J79">
            <v>0</v>
          </cell>
          <cell r="K79">
            <v>0</v>
          </cell>
          <cell r="L79">
            <v>0</v>
          </cell>
          <cell r="M79">
            <v>0</v>
          </cell>
          <cell r="N79">
            <v>0</v>
          </cell>
          <cell r="O79">
            <v>0</v>
          </cell>
          <cell r="P79">
            <v>0</v>
          </cell>
          <cell r="Q79">
            <v>0</v>
          </cell>
          <cell r="R79">
            <v>0</v>
          </cell>
          <cell r="S79">
            <v>0</v>
          </cell>
          <cell r="T79">
            <v>0</v>
          </cell>
          <cell r="U79">
            <v>0</v>
          </cell>
          <cell r="V79">
            <v>0</v>
          </cell>
          <cell r="W79">
            <v>0</v>
          </cell>
        </row>
        <row r="80">
          <cell r="A80" t="str">
            <v>FEX_tradizionali_%</v>
          </cell>
          <cell r="G80">
            <v>0</v>
          </cell>
          <cell r="H80">
            <v>0</v>
          </cell>
          <cell r="I80">
            <v>0</v>
          </cell>
          <cell r="J80">
            <v>0</v>
          </cell>
          <cell r="K80">
            <v>0</v>
          </cell>
          <cell r="L80">
            <v>0</v>
          </cell>
          <cell r="M80">
            <v>0</v>
          </cell>
          <cell r="N80">
            <v>0</v>
          </cell>
          <cell r="O80">
            <v>0</v>
          </cell>
          <cell r="P80">
            <v>0</v>
          </cell>
          <cell r="Q80">
            <v>0</v>
          </cell>
          <cell r="R80">
            <v>0</v>
          </cell>
          <cell r="S80">
            <v>0</v>
          </cell>
          <cell r="T80">
            <v>0</v>
          </cell>
          <cell r="U80">
            <v>0</v>
          </cell>
          <cell r="V80">
            <v>0</v>
          </cell>
          <cell r="W80">
            <v>0</v>
          </cell>
        </row>
        <row r="81">
          <cell r="A81" t="str">
            <v>MCL_tradizionali_%</v>
          </cell>
          <cell r="G81">
            <v>0</v>
          </cell>
          <cell r="H81">
            <v>0</v>
          </cell>
          <cell r="I81">
            <v>0</v>
          </cell>
          <cell r="J81">
            <v>0</v>
          </cell>
          <cell r="K81">
            <v>0</v>
          </cell>
          <cell r="L81">
            <v>0</v>
          </cell>
          <cell r="M81">
            <v>0</v>
          </cell>
          <cell r="N81">
            <v>0</v>
          </cell>
          <cell r="O81">
            <v>0</v>
          </cell>
          <cell r="P81">
            <v>0</v>
          </cell>
          <cell r="Q81">
            <v>0</v>
          </cell>
          <cell r="R81">
            <v>0</v>
          </cell>
          <cell r="S81">
            <v>0</v>
          </cell>
          <cell r="T81">
            <v>0</v>
          </cell>
          <cell r="U81">
            <v>0</v>
          </cell>
          <cell r="V81">
            <v>0</v>
          </cell>
          <cell r="W81">
            <v>0</v>
          </cell>
        </row>
        <row r="82">
          <cell r="A82" t="str">
            <v>MCG_tradizionali_%</v>
          </cell>
          <cell r="G82">
            <v>0</v>
          </cell>
          <cell r="H82">
            <v>0</v>
          </cell>
          <cell r="I82">
            <v>0</v>
          </cell>
          <cell r="J82">
            <v>0</v>
          </cell>
          <cell r="K82">
            <v>0</v>
          </cell>
          <cell r="L82">
            <v>0</v>
          </cell>
          <cell r="M82">
            <v>0</v>
          </cell>
          <cell r="N82">
            <v>0</v>
          </cell>
          <cell r="O82">
            <v>0</v>
          </cell>
          <cell r="P82">
            <v>0</v>
          </cell>
          <cell r="Q82">
            <v>0</v>
          </cell>
          <cell r="R82">
            <v>0</v>
          </cell>
          <cell r="S82">
            <v>0</v>
          </cell>
          <cell r="T82">
            <v>0</v>
          </cell>
          <cell r="U82">
            <v>0</v>
          </cell>
          <cell r="V82">
            <v>0</v>
          </cell>
          <cell r="W82">
            <v>0</v>
          </cell>
        </row>
        <row r="83">
          <cell r="A83" t="str">
            <v>MLE_tradizionali_%</v>
          </cell>
          <cell r="G83">
            <v>0</v>
          </cell>
          <cell r="H83">
            <v>0</v>
          </cell>
          <cell r="I83">
            <v>0</v>
          </cell>
          <cell r="J83">
            <v>0</v>
          </cell>
          <cell r="K83">
            <v>0</v>
          </cell>
          <cell r="L83">
            <v>0</v>
          </cell>
          <cell r="M83">
            <v>0</v>
          </cell>
          <cell r="N83">
            <v>0</v>
          </cell>
          <cell r="O83">
            <v>0</v>
          </cell>
          <cell r="P83">
            <v>0</v>
          </cell>
          <cell r="Q83">
            <v>0</v>
          </cell>
          <cell r="R83">
            <v>0</v>
          </cell>
          <cell r="S83">
            <v>0</v>
          </cell>
          <cell r="T83">
            <v>0</v>
          </cell>
          <cell r="U83">
            <v>0</v>
          </cell>
          <cell r="V83">
            <v>0</v>
          </cell>
          <cell r="W83">
            <v>0</v>
          </cell>
        </row>
        <row r="84">
          <cell r="A84" t="str">
            <v>MFA_tradizionali_%</v>
          </cell>
          <cell r="G84">
            <v>0</v>
          </cell>
          <cell r="H84">
            <v>0</v>
          </cell>
          <cell r="I84">
            <v>0</v>
          </cell>
          <cell r="J84">
            <v>0</v>
          </cell>
          <cell r="K84">
            <v>0</v>
          </cell>
          <cell r="L84">
            <v>0</v>
          </cell>
          <cell r="M84">
            <v>0</v>
          </cell>
          <cell r="N84">
            <v>0</v>
          </cell>
          <cell r="O84">
            <v>0</v>
          </cell>
          <cell r="P84">
            <v>0</v>
          </cell>
          <cell r="Q84">
            <v>0</v>
          </cell>
          <cell r="R84">
            <v>0</v>
          </cell>
          <cell r="S84">
            <v>0</v>
          </cell>
          <cell r="T84">
            <v>0</v>
          </cell>
          <cell r="U84">
            <v>0</v>
          </cell>
          <cell r="V84">
            <v>0</v>
          </cell>
          <cell r="W84">
            <v>0</v>
          </cell>
        </row>
        <row r="85">
          <cell r="A85" t="str">
            <v>MBQ_tradizionali_%</v>
          </cell>
          <cell r="G85">
            <v>0</v>
          </cell>
          <cell r="H85">
            <v>0</v>
          </cell>
          <cell r="I85">
            <v>0</v>
          </cell>
          <cell r="J85">
            <v>0</v>
          </cell>
          <cell r="K85">
            <v>0</v>
          </cell>
          <cell r="L85">
            <v>0</v>
          </cell>
          <cell r="M85">
            <v>0</v>
          </cell>
          <cell r="N85">
            <v>0</v>
          </cell>
          <cell r="O85">
            <v>0</v>
          </cell>
          <cell r="P85">
            <v>0</v>
          </cell>
          <cell r="Q85">
            <v>0</v>
          </cell>
          <cell r="R85">
            <v>0</v>
          </cell>
          <cell r="S85">
            <v>0</v>
          </cell>
          <cell r="T85">
            <v>0</v>
          </cell>
          <cell r="U85">
            <v>0</v>
          </cell>
          <cell r="V85">
            <v>0</v>
          </cell>
          <cell r="W85">
            <v>0</v>
          </cell>
        </row>
        <row r="86">
          <cell r="A86" t="str">
            <v>MBG_tradizionali_%</v>
          </cell>
          <cell r="G86">
            <v>0</v>
          </cell>
          <cell r="H86">
            <v>0</v>
          </cell>
          <cell r="I86">
            <v>0</v>
          </cell>
          <cell r="J86">
            <v>0</v>
          </cell>
          <cell r="K86">
            <v>0</v>
          </cell>
          <cell r="L86">
            <v>0</v>
          </cell>
          <cell r="M86">
            <v>0</v>
          </cell>
          <cell r="N86">
            <v>0</v>
          </cell>
          <cell r="O86">
            <v>0</v>
          </cell>
          <cell r="P86">
            <v>0</v>
          </cell>
          <cell r="Q86">
            <v>0</v>
          </cell>
          <cell r="R86">
            <v>0</v>
          </cell>
          <cell r="S86">
            <v>0</v>
          </cell>
          <cell r="T86">
            <v>0</v>
          </cell>
          <cell r="U86">
            <v>0</v>
          </cell>
          <cell r="V86">
            <v>0</v>
          </cell>
          <cell r="W86">
            <v>0</v>
          </cell>
        </row>
        <row r="87">
          <cell r="A87" t="str">
            <v>WID_tradizionali_%</v>
          </cell>
          <cell r="G87">
            <v>3.2735235863904359E-2</v>
          </cell>
          <cell r="H87">
            <v>3.6330184559292128E-2</v>
          </cell>
          <cell r="I87">
            <v>3.4454359336687689E-2</v>
          </cell>
          <cell r="J87">
            <v>3.4454359336687689E-2</v>
          </cell>
          <cell r="K87">
            <v>3.4454359336687689E-2</v>
          </cell>
          <cell r="L87">
            <v>3.4454359336687689E-2</v>
          </cell>
          <cell r="M87">
            <v>3.4454359336687689E-2</v>
          </cell>
          <cell r="N87">
            <v>3.4454359336687689E-2</v>
          </cell>
          <cell r="O87">
            <v>3.4454359336687689E-2</v>
          </cell>
          <cell r="P87">
            <v>3.4454359336687689E-2</v>
          </cell>
          <cell r="Q87">
            <v>3.4454359336687689E-2</v>
          </cell>
          <cell r="R87">
            <v>3.4454359336687689E-2</v>
          </cell>
          <cell r="S87">
            <v>3.4454359336687689E-2</v>
          </cell>
          <cell r="T87">
            <v>3.4454359336687689E-2</v>
          </cell>
          <cell r="U87">
            <v>3.4454359336687689E-2</v>
          </cell>
          <cell r="V87">
            <v>3.4454359336687689E-2</v>
          </cell>
          <cell r="W87">
            <v>3.4454359336687689E-2</v>
          </cell>
        </row>
        <row r="88">
          <cell r="A88" t="str">
            <v>FIN_tradizionali_%</v>
          </cell>
          <cell r="G88">
            <v>0</v>
          </cell>
          <cell r="H88">
            <v>0</v>
          </cell>
          <cell r="I88">
            <v>0</v>
          </cell>
          <cell r="J88">
            <v>0</v>
          </cell>
          <cell r="K88">
            <v>0</v>
          </cell>
          <cell r="L88">
            <v>0</v>
          </cell>
          <cell r="M88">
            <v>0</v>
          </cell>
          <cell r="N88">
            <v>0</v>
          </cell>
          <cell r="O88">
            <v>0</v>
          </cell>
          <cell r="P88">
            <v>0</v>
          </cell>
          <cell r="Q88">
            <v>0</v>
          </cell>
          <cell r="R88">
            <v>0</v>
          </cell>
          <cell r="S88">
            <v>0</v>
          </cell>
          <cell r="T88">
            <v>0</v>
          </cell>
          <cell r="U88">
            <v>0</v>
          </cell>
          <cell r="V88">
            <v>0</v>
          </cell>
          <cell r="W88">
            <v>0</v>
          </cell>
        </row>
        <row r="89">
          <cell r="A89" t="str">
            <v>ALM_tradizionali_%</v>
          </cell>
          <cell r="G89">
            <v>0</v>
          </cell>
          <cell r="H89">
            <v>0</v>
          </cell>
          <cell r="I89">
            <v>0</v>
          </cell>
          <cell r="J89">
            <v>0</v>
          </cell>
          <cell r="K89">
            <v>0</v>
          </cell>
          <cell r="L89">
            <v>0</v>
          </cell>
          <cell r="M89">
            <v>0</v>
          </cell>
          <cell r="N89">
            <v>0</v>
          </cell>
          <cell r="O89">
            <v>0</v>
          </cell>
          <cell r="P89">
            <v>0</v>
          </cell>
          <cell r="Q89">
            <v>0</v>
          </cell>
          <cell r="R89">
            <v>0</v>
          </cell>
          <cell r="S89">
            <v>0</v>
          </cell>
          <cell r="T89">
            <v>0</v>
          </cell>
          <cell r="U89">
            <v>0</v>
          </cell>
          <cell r="V89">
            <v>0</v>
          </cell>
          <cell r="W89">
            <v>0</v>
          </cell>
        </row>
        <row r="90">
          <cell r="A90" t="str">
            <v>FUO_tradizionali_%</v>
          </cell>
          <cell r="G90">
            <v>0</v>
          </cell>
          <cell r="H90">
            <v>0</v>
          </cell>
          <cell r="I90">
            <v>0</v>
          </cell>
          <cell r="J90">
            <v>0</v>
          </cell>
          <cell r="K90">
            <v>0</v>
          </cell>
          <cell r="L90">
            <v>0</v>
          </cell>
          <cell r="M90">
            <v>0</v>
          </cell>
          <cell r="N90">
            <v>0</v>
          </cell>
          <cell r="O90">
            <v>0</v>
          </cell>
          <cell r="P90">
            <v>0</v>
          </cell>
          <cell r="Q90">
            <v>0</v>
          </cell>
          <cell r="R90">
            <v>0</v>
          </cell>
          <cell r="S90">
            <v>0</v>
          </cell>
          <cell r="T90">
            <v>0</v>
          </cell>
          <cell r="U90">
            <v>0</v>
          </cell>
          <cell r="V90">
            <v>0</v>
          </cell>
          <cell r="W90">
            <v>0</v>
          </cell>
        </row>
        <row r="91">
          <cell r="A91" t="str">
            <v>XXX_tradizionali_%</v>
          </cell>
          <cell r="G91">
            <v>0</v>
          </cell>
          <cell r="H91">
            <v>0</v>
          </cell>
          <cell r="I91">
            <v>0</v>
          </cell>
          <cell r="J91">
            <v>0</v>
          </cell>
          <cell r="K91">
            <v>0</v>
          </cell>
          <cell r="L91">
            <v>0</v>
          </cell>
          <cell r="M91">
            <v>0</v>
          </cell>
          <cell r="N91">
            <v>0</v>
          </cell>
          <cell r="O91">
            <v>0</v>
          </cell>
          <cell r="P91">
            <v>0</v>
          </cell>
          <cell r="Q91">
            <v>0</v>
          </cell>
          <cell r="R91">
            <v>0</v>
          </cell>
          <cell r="S91">
            <v>0</v>
          </cell>
          <cell r="T91">
            <v>0</v>
          </cell>
          <cell r="U91">
            <v>0</v>
          </cell>
          <cell r="V91">
            <v>0</v>
          </cell>
          <cell r="W91">
            <v>0</v>
          </cell>
        </row>
        <row r="92">
          <cell r="G92">
            <v>0</v>
          </cell>
          <cell r="H92">
            <v>0</v>
          </cell>
          <cell r="I92">
            <v>0</v>
          </cell>
          <cell r="J92">
            <v>0</v>
          </cell>
          <cell r="K92">
            <v>0</v>
          </cell>
          <cell r="L92">
            <v>0</v>
          </cell>
          <cell r="M92">
            <v>0</v>
          </cell>
          <cell r="N92">
            <v>0</v>
          </cell>
          <cell r="O92">
            <v>0</v>
          </cell>
          <cell r="P92">
            <v>0</v>
          </cell>
          <cell r="Q92">
            <v>0</v>
          </cell>
          <cell r="R92">
            <v>0</v>
          </cell>
          <cell r="S92">
            <v>0</v>
          </cell>
          <cell r="T92">
            <v>0</v>
          </cell>
          <cell r="U92">
            <v>0</v>
          </cell>
          <cell r="V92">
            <v>0</v>
          </cell>
          <cell r="W92">
            <v>0</v>
          </cell>
        </row>
        <row r="93">
          <cell r="A93" t="str">
            <v>Val_index_%</v>
          </cell>
          <cell r="G93">
            <v>-1.3820987709378217E-2</v>
          </cell>
          <cell r="H93">
            <v>3.2781511082693948E-2</v>
          </cell>
          <cell r="I93">
            <v>3.2781511082693948E-2</v>
          </cell>
          <cell r="J93">
            <v>3.2781511082693948E-2</v>
          </cell>
          <cell r="K93">
            <v>3.2781511082693948E-2</v>
          </cell>
          <cell r="L93">
            <v>3.2781511082693948E-2</v>
          </cell>
          <cell r="M93">
            <v>3.2781511082693948E-2</v>
          </cell>
          <cell r="N93">
            <v>3.2781511082693948E-2</v>
          </cell>
          <cell r="O93">
            <v>3.2781511082693948E-2</v>
          </cell>
          <cell r="P93">
            <v>3.2781511082693948E-2</v>
          </cell>
          <cell r="Q93">
            <v>3.2781511082693948E-2</v>
          </cell>
          <cell r="R93">
            <v>3.2781511082693948E-2</v>
          </cell>
          <cell r="S93">
            <v>3.2781511082693948E-2</v>
          </cell>
          <cell r="T93">
            <v>3.2781511082693948E-2</v>
          </cell>
          <cell r="U93">
            <v>3.2781511082693948E-2</v>
          </cell>
          <cell r="V93">
            <v>3.2781511082693948E-2</v>
          </cell>
          <cell r="W93">
            <v>3.2781511082693948E-2</v>
          </cell>
          <cell r="Y93">
            <v>0</v>
          </cell>
          <cell r="Z93">
            <v>0</v>
          </cell>
        </row>
        <row r="94">
          <cell r="A94" t="str">
            <v>Pre_index_%</v>
          </cell>
          <cell r="G94">
            <v>3.2239158645945301E-2</v>
          </cell>
          <cell r="H94">
            <v>3.2488315611336686E-2</v>
          </cell>
          <cell r="I94">
            <v>3.2488315611336686E-2</v>
          </cell>
          <cell r="J94">
            <v>3.2488315611336686E-2</v>
          </cell>
          <cell r="K94">
            <v>3.2488315611336686E-2</v>
          </cell>
          <cell r="L94">
            <v>3.2488315611336686E-2</v>
          </cell>
          <cell r="M94">
            <v>3.2488315611336686E-2</v>
          </cell>
          <cell r="N94">
            <v>3.2488315611336686E-2</v>
          </cell>
          <cell r="O94">
            <v>3.2488315611336686E-2</v>
          </cell>
          <cell r="P94">
            <v>3.2488315611336686E-2</v>
          </cell>
          <cell r="Q94">
            <v>3.2488315611336686E-2</v>
          </cell>
          <cell r="R94">
            <v>3.2488315611336686E-2</v>
          </cell>
          <cell r="S94">
            <v>3.2488315611336686E-2</v>
          </cell>
          <cell r="T94">
            <v>3.2488315611336686E-2</v>
          </cell>
          <cell r="U94">
            <v>3.2488315611336686E-2</v>
          </cell>
          <cell r="V94">
            <v>3.2488315611336686E-2</v>
          </cell>
          <cell r="W94">
            <v>3.2488315611336686E-2</v>
          </cell>
        </row>
        <row r="95">
          <cell r="A95" t="str">
            <v>Sma_index_%</v>
          </cell>
          <cell r="G95">
            <v>6.7949500893129018E-4</v>
          </cell>
          <cell r="H95">
            <v>2.7416173184357542E-2</v>
          </cell>
          <cell r="I95">
            <v>2.7416173184357542E-2</v>
          </cell>
          <cell r="J95">
            <v>2.7416173184357542E-2</v>
          </cell>
          <cell r="K95">
            <v>2.7416173184357542E-2</v>
          </cell>
          <cell r="L95">
            <v>2.7416173184357542E-2</v>
          </cell>
          <cell r="M95">
            <v>2.7416173184357542E-2</v>
          </cell>
          <cell r="N95">
            <v>2.7416173184357542E-2</v>
          </cell>
          <cell r="O95">
            <v>2.7416173184357542E-2</v>
          </cell>
          <cell r="P95">
            <v>2.7416173184357542E-2</v>
          </cell>
          <cell r="Q95">
            <v>2.7416173184357542E-2</v>
          </cell>
          <cell r="R95">
            <v>2.7416173184357542E-2</v>
          </cell>
          <cell r="S95">
            <v>2.7416173184357542E-2</v>
          </cell>
          <cell r="T95">
            <v>2.7416173184357542E-2</v>
          </cell>
          <cell r="U95">
            <v>2.7416173184357542E-2</v>
          </cell>
          <cell r="V95">
            <v>2.7416173184357542E-2</v>
          </cell>
          <cell r="W95">
            <v>2.7416173184357542E-2</v>
          </cell>
        </row>
        <row r="96">
          <cell r="A96" t="str">
            <v>Pri_index_%</v>
          </cell>
          <cell r="G96">
            <v>3.2105832540437668E-2</v>
          </cell>
          <cell r="H96">
            <v>3.4374000000000002E-2</v>
          </cell>
          <cell r="I96">
            <v>3.4374000000000002E-2</v>
          </cell>
          <cell r="J96">
            <v>3.4374000000000002E-2</v>
          </cell>
          <cell r="K96">
            <v>3.4374000000000002E-2</v>
          </cell>
          <cell r="L96">
            <v>3.4374000000000002E-2</v>
          </cell>
          <cell r="M96">
            <v>3.4374000000000002E-2</v>
          </cell>
          <cell r="N96">
            <v>3.4374000000000002E-2</v>
          </cell>
          <cell r="O96">
            <v>3.4374000000000002E-2</v>
          </cell>
          <cell r="P96">
            <v>3.4374000000000002E-2</v>
          </cell>
          <cell r="Q96">
            <v>3.4374000000000002E-2</v>
          </cell>
          <cell r="R96">
            <v>3.4374000000000002E-2</v>
          </cell>
          <cell r="S96">
            <v>3.4374000000000002E-2</v>
          </cell>
          <cell r="T96">
            <v>3.4374000000000002E-2</v>
          </cell>
          <cell r="U96">
            <v>3.4374000000000002E-2</v>
          </cell>
          <cell r="V96">
            <v>3.4374000000000002E-2</v>
          </cell>
          <cell r="W96">
            <v>3.4374000000000002E-2</v>
          </cell>
        </row>
        <row r="97">
          <cell r="A97" t="str">
            <v>Fam_index_%</v>
          </cell>
          <cell r="G97">
            <v>0</v>
          </cell>
          <cell r="H97">
            <v>0</v>
          </cell>
          <cell r="I97">
            <v>0</v>
          </cell>
          <cell r="J97">
            <v>0</v>
          </cell>
          <cell r="K97">
            <v>0</v>
          </cell>
          <cell r="L97">
            <v>0</v>
          </cell>
          <cell r="M97">
            <v>0</v>
          </cell>
          <cell r="N97">
            <v>0</v>
          </cell>
          <cell r="O97">
            <v>0</v>
          </cell>
          <cell r="P97">
            <v>0</v>
          </cell>
          <cell r="Q97">
            <v>0</v>
          </cell>
          <cell r="R97">
            <v>0</v>
          </cell>
          <cell r="S97">
            <v>0</v>
          </cell>
          <cell r="T97">
            <v>0</v>
          </cell>
          <cell r="U97">
            <v>0</v>
          </cell>
          <cell r="V97">
            <v>0</v>
          </cell>
          <cell r="W97">
            <v>0</v>
          </cell>
        </row>
        <row r="98">
          <cell r="A98" t="str">
            <v>PMI_index_%</v>
          </cell>
          <cell r="G98">
            <v>0</v>
          </cell>
          <cell r="H98">
            <v>0</v>
          </cell>
          <cell r="I98">
            <v>0</v>
          </cell>
          <cell r="J98">
            <v>0</v>
          </cell>
          <cell r="K98">
            <v>0</v>
          </cell>
          <cell r="L98">
            <v>0</v>
          </cell>
          <cell r="M98">
            <v>0</v>
          </cell>
          <cell r="N98">
            <v>0</v>
          </cell>
          <cell r="O98">
            <v>0</v>
          </cell>
          <cell r="P98">
            <v>0</v>
          </cell>
          <cell r="Q98">
            <v>0</v>
          </cell>
          <cell r="R98">
            <v>0</v>
          </cell>
          <cell r="S98">
            <v>0</v>
          </cell>
          <cell r="T98">
            <v>0</v>
          </cell>
          <cell r="U98">
            <v>0</v>
          </cell>
          <cell r="V98">
            <v>0</v>
          </cell>
          <cell r="W98">
            <v>0</v>
          </cell>
        </row>
        <row r="99">
          <cell r="A99" t="str">
            <v>ENT_index_%</v>
          </cell>
          <cell r="G99">
            <v>0</v>
          </cell>
          <cell r="H99">
            <v>0</v>
          </cell>
          <cell r="I99">
            <v>0</v>
          </cell>
          <cell r="J99">
            <v>0</v>
          </cell>
          <cell r="K99">
            <v>0</v>
          </cell>
          <cell r="L99">
            <v>0</v>
          </cell>
          <cell r="M99">
            <v>0</v>
          </cell>
          <cell r="N99">
            <v>0</v>
          </cell>
          <cell r="O99">
            <v>0</v>
          </cell>
          <cell r="P99">
            <v>0</v>
          </cell>
          <cell r="Q99">
            <v>0</v>
          </cell>
          <cell r="R99">
            <v>0</v>
          </cell>
          <cell r="S99">
            <v>0</v>
          </cell>
          <cell r="T99">
            <v>0</v>
          </cell>
          <cell r="U99">
            <v>0</v>
          </cell>
          <cell r="V99">
            <v>0</v>
          </cell>
          <cell r="W99">
            <v>0</v>
          </cell>
        </row>
        <row r="100">
          <cell r="A100" t="str">
            <v>Cor_index_%</v>
          </cell>
          <cell r="G100">
            <v>0</v>
          </cell>
          <cell r="H100">
            <v>0</v>
          </cell>
          <cell r="I100">
            <v>0</v>
          </cell>
          <cell r="J100">
            <v>0</v>
          </cell>
          <cell r="K100">
            <v>0</v>
          </cell>
          <cell r="L100">
            <v>0</v>
          </cell>
          <cell r="M100">
            <v>0</v>
          </cell>
          <cell r="N100">
            <v>0</v>
          </cell>
          <cell r="O100">
            <v>0</v>
          </cell>
          <cell r="P100">
            <v>0</v>
          </cell>
          <cell r="Q100">
            <v>0</v>
          </cell>
          <cell r="R100">
            <v>0</v>
          </cell>
          <cell r="S100">
            <v>0</v>
          </cell>
          <cell r="T100">
            <v>0</v>
          </cell>
          <cell r="U100">
            <v>0</v>
          </cell>
          <cell r="V100">
            <v>0</v>
          </cell>
          <cell r="W100">
            <v>0</v>
          </cell>
        </row>
        <row r="101">
          <cell r="A101" t="str">
            <v>Gra_index_%</v>
          </cell>
          <cell r="G101">
            <v>0</v>
          </cell>
          <cell r="H101">
            <v>0</v>
          </cell>
          <cell r="I101">
            <v>0</v>
          </cell>
          <cell r="J101">
            <v>0</v>
          </cell>
          <cell r="K101">
            <v>0</v>
          </cell>
          <cell r="L101">
            <v>0</v>
          </cell>
          <cell r="M101">
            <v>0</v>
          </cell>
          <cell r="N101">
            <v>0</v>
          </cell>
          <cell r="O101">
            <v>0</v>
          </cell>
          <cell r="P101">
            <v>0</v>
          </cell>
          <cell r="Q101">
            <v>0</v>
          </cell>
          <cell r="R101">
            <v>0</v>
          </cell>
          <cell r="S101">
            <v>0</v>
          </cell>
          <cell r="T101">
            <v>0</v>
          </cell>
          <cell r="U101">
            <v>0</v>
          </cell>
          <cell r="V101">
            <v>0</v>
          </cell>
          <cell r="W101">
            <v>0</v>
          </cell>
        </row>
        <row r="102">
          <cell r="A102" t="str">
            <v>FEX_index_%</v>
          </cell>
          <cell r="G102">
            <v>0</v>
          </cell>
          <cell r="H102">
            <v>0</v>
          </cell>
          <cell r="I102">
            <v>0</v>
          </cell>
          <cell r="J102">
            <v>0</v>
          </cell>
          <cell r="K102">
            <v>0</v>
          </cell>
          <cell r="L102">
            <v>0</v>
          </cell>
          <cell r="M102">
            <v>0</v>
          </cell>
          <cell r="N102">
            <v>0</v>
          </cell>
          <cell r="O102">
            <v>0</v>
          </cell>
          <cell r="P102">
            <v>0</v>
          </cell>
          <cell r="Q102">
            <v>0</v>
          </cell>
          <cell r="R102">
            <v>0</v>
          </cell>
          <cell r="S102">
            <v>0</v>
          </cell>
          <cell r="T102">
            <v>0</v>
          </cell>
          <cell r="U102">
            <v>0</v>
          </cell>
          <cell r="V102">
            <v>0</v>
          </cell>
          <cell r="W102">
            <v>0</v>
          </cell>
        </row>
        <row r="103">
          <cell r="A103" t="str">
            <v>MCL_index_%</v>
          </cell>
          <cell r="G103">
            <v>0</v>
          </cell>
          <cell r="H103">
            <v>0</v>
          </cell>
          <cell r="I103">
            <v>0</v>
          </cell>
          <cell r="J103">
            <v>0</v>
          </cell>
          <cell r="K103">
            <v>0</v>
          </cell>
          <cell r="L103">
            <v>0</v>
          </cell>
          <cell r="M103">
            <v>0</v>
          </cell>
          <cell r="N103">
            <v>0</v>
          </cell>
          <cell r="O103">
            <v>0</v>
          </cell>
          <cell r="P103">
            <v>0</v>
          </cell>
          <cell r="Q103">
            <v>0</v>
          </cell>
          <cell r="R103">
            <v>0</v>
          </cell>
          <cell r="S103">
            <v>0</v>
          </cell>
          <cell r="T103">
            <v>0</v>
          </cell>
          <cell r="U103">
            <v>0</v>
          </cell>
          <cell r="V103">
            <v>0</v>
          </cell>
          <cell r="W103">
            <v>0</v>
          </cell>
        </row>
        <row r="104">
          <cell r="A104" t="str">
            <v>MCG_index_%</v>
          </cell>
          <cell r="G104">
            <v>0</v>
          </cell>
          <cell r="H104">
            <v>0</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row>
        <row r="105">
          <cell r="A105" t="str">
            <v>MLE_index_%</v>
          </cell>
          <cell r="G105">
            <v>0</v>
          </cell>
          <cell r="H105">
            <v>0</v>
          </cell>
          <cell r="I105">
            <v>0</v>
          </cell>
          <cell r="J105">
            <v>0</v>
          </cell>
          <cell r="K105">
            <v>0</v>
          </cell>
          <cell r="L105">
            <v>0</v>
          </cell>
          <cell r="M105">
            <v>0</v>
          </cell>
          <cell r="N105">
            <v>0</v>
          </cell>
          <cell r="O105">
            <v>0</v>
          </cell>
          <cell r="P105">
            <v>0</v>
          </cell>
          <cell r="Q105">
            <v>0</v>
          </cell>
          <cell r="R105">
            <v>0</v>
          </cell>
          <cell r="S105">
            <v>0</v>
          </cell>
          <cell r="T105">
            <v>0</v>
          </cell>
          <cell r="U105">
            <v>0</v>
          </cell>
          <cell r="V105">
            <v>0</v>
          </cell>
          <cell r="W105">
            <v>0</v>
          </cell>
        </row>
        <row r="106">
          <cell r="A106" t="str">
            <v>MFA_index_%</v>
          </cell>
          <cell r="G106">
            <v>0</v>
          </cell>
          <cell r="H106">
            <v>0</v>
          </cell>
          <cell r="I106">
            <v>0</v>
          </cell>
          <cell r="J106">
            <v>0</v>
          </cell>
          <cell r="K106">
            <v>0</v>
          </cell>
          <cell r="L106">
            <v>0</v>
          </cell>
          <cell r="M106">
            <v>0</v>
          </cell>
          <cell r="N106">
            <v>0</v>
          </cell>
          <cell r="O106">
            <v>0</v>
          </cell>
          <cell r="P106">
            <v>0</v>
          </cell>
          <cell r="Q106">
            <v>0</v>
          </cell>
          <cell r="R106">
            <v>0</v>
          </cell>
          <cell r="S106">
            <v>0</v>
          </cell>
          <cell r="T106">
            <v>0</v>
          </cell>
          <cell r="U106">
            <v>0</v>
          </cell>
          <cell r="V106">
            <v>0</v>
          </cell>
          <cell r="W106">
            <v>0</v>
          </cell>
        </row>
        <row r="107">
          <cell r="A107" t="str">
            <v>MBQ_index_%</v>
          </cell>
          <cell r="G107">
            <v>0</v>
          </cell>
          <cell r="H107">
            <v>0</v>
          </cell>
          <cell r="I107">
            <v>0</v>
          </cell>
          <cell r="J107">
            <v>0</v>
          </cell>
          <cell r="K107">
            <v>0</v>
          </cell>
          <cell r="L107">
            <v>0</v>
          </cell>
          <cell r="M107">
            <v>0</v>
          </cell>
          <cell r="N107">
            <v>0</v>
          </cell>
          <cell r="O107">
            <v>0</v>
          </cell>
          <cell r="P107">
            <v>0</v>
          </cell>
          <cell r="Q107">
            <v>0</v>
          </cell>
          <cell r="R107">
            <v>0</v>
          </cell>
          <cell r="S107">
            <v>0</v>
          </cell>
          <cell r="T107">
            <v>0</v>
          </cell>
          <cell r="U107">
            <v>0</v>
          </cell>
          <cell r="V107">
            <v>0</v>
          </cell>
          <cell r="W107">
            <v>0</v>
          </cell>
        </row>
        <row r="108">
          <cell r="A108" t="str">
            <v>MBG_index_%</v>
          </cell>
          <cell r="G108">
            <v>0</v>
          </cell>
          <cell r="H108">
            <v>0</v>
          </cell>
          <cell r="I108">
            <v>0</v>
          </cell>
          <cell r="J108">
            <v>0</v>
          </cell>
          <cell r="K108">
            <v>0</v>
          </cell>
          <cell r="L108">
            <v>0</v>
          </cell>
          <cell r="M108">
            <v>0</v>
          </cell>
          <cell r="N108">
            <v>0</v>
          </cell>
          <cell r="O108">
            <v>0</v>
          </cell>
          <cell r="P108">
            <v>0</v>
          </cell>
          <cell r="Q108">
            <v>0</v>
          </cell>
          <cell r="R108">
            <v>0</v>
          </cell>
          <cell r="S108">
            <v>0</v>
          </cell>
          <cell r="T108">
            <v>0</v>
          </cell>
          <cell r="U108">
            <v>0</v>
          </cell>
          <cell r="V108">
            <v>0</v>
          </cell>
          <cell r="W108">
            <v>0</v>
          </cell>
        </row>
        <row r="109">
          <cell r="A109" t="str">
            <v>WID_index_%</v>
          </cell>
          <cell r="G109">
            <v>0</v>
          </cell>
          <cell r="H109">
            <v>0</v>
          </cell>
          <cell r="I109">
            <v>0</v>
          </cell>
          <cell r="J109">
            <v>0</v>
          </cell>
          <cell r="K109">
            <v>0</v>
          </cell>
          <cell r="L109">
            <v>0</v>
          </cell>
          <cell r="M109">
            <v>0</v>
          </cell>
          <cell r="N109">
            <v>0</v>
          </cell>
          <cell r="O109">
            <v>0</v>
          </cell>
          <cell r="P109">
            <v>0</v>
          </cell>
          <cell r="Q109">
            <v>0</v>
          </cell>
          <cell r="R109">
            <v>0</v>
          </cell>
          <cell r="S109">
            <v>0</v>
          </cell>
          <cell r="T109">
            <v>0</v>
          </cell>
          <cell r="U109">
            <v>0</v>
          </cell>
          <cell r="V109">
            <v>0</v>
          </cell>
          <cell r="W109">
            <v>0</v>
          </cell>
        </row>
        <row r="110">
          <cell r="A110" t="str">
            <v>FIN_index_%</v>
          </cell>
          <cell r="G110">
            <v>0</v>
          </cell>
          <cell r="H110">
            <v>0</v>
          </cell>
          <cell r="I110">
            <v>0</v>
          </cell>
          <cell r="J110">
            <v>0</v>
          </cell>
          <cell r="K110">
            <v>0</v>
          </cell>
          <cell r="L110">
            <v>0</v>
          </cell>
          <cell r="M110">
            <v>0</v>
          </cell>
          <cell r="N110">
            <v>0</v>
          </cell>
          <cell r="O110">
            <v>0</v>
          </cell>
          <cell r="P110">
            <v>0</v>
          </cell>
          <cell r="Q110">
            <v>0</v>
          </cell>
          <cell r="R110">
            <v>0</v>
          </cell>
          <cell r="S110">
            <v>0</v>
          </cell>
          <cell r="T110">
            <v>0</v>
          </cell>
          <cell r="U110">
            <v>0</v>
          </cell>
          <cell r="V110">
            <v>0</v>
          </cell>
          <cell r="W110">
            <v>0</v>
          </cell>
        </row>
        <row r="111">
          <cell r="A111" t="str">
            <v>ALM_index_%</v>
          </cell>
          <cell r="G111">
            <v>0</v>
          </cell>
          <cell r="H111">
            <v>0</v>
          </cell>
          <cell r="I111">
            <v>0</v>
          </cell>
          <cell r="J111">
            <v>0</v>
          </cell>
          <cell r="K111">
            <v>0</v>
          </cell>
          <cell r="L111">
            <v>0</v>
          </cell>
          <cell r="M111">
            <v>0</v>
          </cell>
          <cell r="N111">
            <v>0</v>
          </cell>
          <cell r="O111">
            <v>0</v>
          </cell>
          <cell r="P111">
            <v>0</v>
          </cell>
          <cell r="Q111">
            <v>0</v>
          </cell>
          <cell r="R111">
            <v>0</v>
          </cell>
          <cell r="S111">
            <v>0</v>
          </cell>
          <cell r="T111">
            <v>0</v>
          </cell>
          <cell r="U111">
            <v>0</v>
          </cell>
          <cell r="V111">
            <v>0</v>
          </cell>
          <cell r="W111">
            <v>0</v>
          </cell>
        </row>
        <row r="112">
          <cell r="A112" t="str">
            <v>FUO_index_%</v>
          </cell>
          <cell r="G112">
            <v>0</v>
          </cell>
          <cell r="H112">
            <v>0</v>
          </cell>
          <cell r="I112">
            <v>0</v>
          </cell>
          <cell r="J112">
            <v>0</v>
          </cell>
          <cell r="K112">
            <v>0</v>
          </cell>
          <cell r="L112">
            <v>0</v>
          </cell>
          <cell r="M112">
            <v>0</v>
          </cell>
          <cell r="N112">
            <v>0</v>
          </cell>
          <cell r="O112">
            <v>0</v>
          </cell>
          <cell r="P112">
            <v>0</v>
          </cell>
          <cell r="Q112">
            <v>0</v>
          </cell>
          <cell r="R112">
            <v>0</v>
          </cell>
          <cell r="S112">
            <v>0</v>
          </cell>
          <cell r="T112">
            <v>0</v>
          </cell>
          <cell r="U112">
            <v>0</v>
          </cell>
          <cell r="V112">
            <v>0</v>
          </cell>
          <cell r="W112">
            <v>0</v>
          </cell>
        </row>
        <row r="113">
          <cell r="A113" t="str">
            <v>XXX_index_%</v>
          </cell>
          <cell r="G113">
            <v>0</v>
          </cell>
          <cell r="H113">
            <v>0</v>
          </cell>
          <cell r="I113">
            <v>0</v>
          </cell>
          <cell r="J113">
            <v>0</v>
          </cell>
          <cell r="K113">
            <v>0</v>
          </cell>
          <cell r="L113">
            <v>0</v>
          </cell>
          <cell r="M113">
            <v>0</v>
          </cell>
          <cell r="N113">
            <v>0</v>
          </cell>
          <cell r="O113">
            <v>0</v>
          </cell>
          <cell r="P113">
            <v>0</v>
          </cell>
          <cell r="Q113">
            <v>0</v>
          </cell>
          <cell r="R113">
            <v>0</v>
          </cell>
          <cell r="S113">
            <v>0</v>
          </cell>
          <cell r="T113">
            <v>0</v>
          </cell>
          <cell r="U113">
            <v>0</v>
          </cell>
          <cell r="V113">
            <v>0</v>
          </cell>
          <cell r="W113">
            <v>0</v>
          </cell>
        </row>
        <row r="114">
          <cell r="G114">
            <v>0</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0</v>
          </cell>
          <cell r="W114">
            <v>0</v>
          </cell>
        </row>
        <row r="115">
          <cell r="A115" t="str">
            <v>Val_multiramo_%</v>
          </cell>
          <cell r="G115">
            <v>-1.2855075624900647E-2</v>
          </cell>
          <cell r="H115">
            <v>1.2889737362391723E-2</v>
          </cell>
          <cell r="I115">
            <v>1.2889737362391723E-2</v>
          </cell>
          <cell r="J115">
            <v>1.2889737362391723E-2</v>
          </cell>
          <cell r="K115">
            <v>1.2889737362391723E-2</v>
          </cell>
          <cell r="L115">
            <v>1.2889737362391723E-2</v>
          </cell>
          <cell r="M115">
            <v>1.2889737362391723E-2</v>
          </cell>
          <cell r="N115">
            <v>1.2889737362391723E-2</v>
          </cell>
          <cell r="O115">
            <v>1.2889737362391723E-2</v>
          </cell>
          <cell r="P115">
            <v>1.2889737362391723E-2</v>
          </cell>
          <cell r="Q115">
            <v>1.2889737362391723E-2</v>
          </cell>
          <cell r="R115">
            <v>1.2889737362391723E-2</v>
          </cell>
          <cell r="S115">
            <v>1.2889737362391723E-2</v>
          </cell>
          <cell r="T115">
            <v>1.2889737362391723E-2</v>
          </cell>
          <cell r="U115">
            <v>1.2889737362391723E-2</v>
          </cell>
          <cell r="V115">
            <v>1.2889737362391723E-2</v>
          </cell>
          <cell r="W115">
            <v>1.2889737362391723E-2</v>
          </cell>
          <cell r="Y115">
            <v>0</v>
          </cell>
          <cell r="Z115">
            <v>0</v>
          </cell>
        </row>
        <row r="116">
          <cell r="A116" t="str">
            <v>Pre_multiramo_%</v>
          </cell>
          <cell r="G116">
            <v>9.770655938764642E-3</v>
          </cell>
          <cell r="H116">
            <v>9.9622105568908589E-3</v>
          </cell>
          <cell r="I116">
            <v>9.9622105568908589E-3</v>
          </cell>
          <cell r="J116">
            <v>9.9622105568908589E-3</v>
          </cell>
          <cell r="K116">
            <v>9.9622105568908589E-3</v>
          </cell>
          <cell r="L116">
            <v>9.9622105568908589E-3</v>
          </cell>
          <cell r="M116">
            <v>9.9622105568908589E-3</v>
          </cell>
          <cell r="N116">
            <v>9.9622105568908589E-3</v>
          </cell>
          <cell r="O116">
            <v>9.9622105568908589E-3</v>
          </cell>
          <cell r="P116">
            <v>9.9622105568908589E-3</v>
          </cell>
          <cell r="Q116">
            <v>9.9622105568908589E-3</v>
          </cell>
          <cell r="R116">
            <v>9.9622105568908589E-3</v>
          </cell>
          <cell r="S116">
            <v>9.9622105568908589E-3</v>
          </cell>
          <cell r="T116">
            <v>9.9622105568908589E-3</v>
          </cell>
          <cell r="U116">
            <v>9.9622105568908589E-3</v>
          </cell>
          <cell r="V116">
            <v>9.9622105568908589E-3</v>
          </cell>
          <cell r="W116">
            <v>9.9622105568908589E-3</v>
          </cell>
        </row>
        <row r="117">
          <cell r="A117" t="str">
            <v>Sma_multiramo_%</v>
          </cell>
          <cell r="G117">
            <v>2.9865849152576642E-4</v>
          </cell>
          <cell r="H117">
            <v>9.5346524768744507E-3</v>
          </cell>
          <cell r="I117">
            <v>9.5346524768744507E-3</v>
          </cell>
          <cell r="J117">
            <v>9.5346524768744507E-3</v>
          </cell>
          <cell r="K117">
            <v>9.5346524768744507E-3</v>
          </cell>
          <cell r="L117">
            <v>9.5346524768744507E-3</v>
          </cell>
          <cell r="M117">
            <v>9.5346524768744507E-3</v>
          </cell>
          <cell r="N117">
            <v>9.5346524768744507E-3</v>
          </cell>
          <cell r="O117">
            <v>9.5346524768744507E-3</v>
          </cell>
          <cell r="P117">
            <v>9.5346524768744507E-3</v>
          </cell>
          <cell r="Q117">
            <v>9.5346524768744507E-3</v>
          </cell>
          <cell r="R117">
            <v>9.5346524768744507E-3</v>
          </cell>
          <cell r="S117">
            <v>9.5346524768744507E-3</v>
          </cell>
          <cell r="T117">
            <v>9.5346524768744507E-3</v>
          </cell>
          <cell r="U117">
            <v>9.5346524768744507E-3</v>
          </cell>
          <cell r="V117">
            <v>9.5346524768744507E-3</v>
          </cell>
          <cell r="W117">
            <v>9.5346524768744507E-3</v>
          </cell>
        </row>
        <row r="118">
          <cell r="A118" t="str">
            <v>Pri_multiramo_%</v>
          </cell>
          <cell r="G118">
            <v>3.6714670910742249E-3</v>
          </cell>
          <cell r="H118">
            <v>3.2136765210727088E-3</v>
          </cell>
          <cell r="I118">
            <v>3.2136765210727088E-3</v>
          </cell>
          <cell r="J118">
            <v>3.2136765210727088E-3</v>
          </cell>
          <cell r="K118">
            <v>3.2136765210727088E-3</v>
          </cell>
          <cell r="L118">
            <v>3.2136765210727088E-3</v>
          </cell>
          <cell r="M118">
            <v>3.2136765210727088E-3</v>
          </cell>
          <cell r="N118">
            <v>3.2136765210727088E-3</v>
          </cell>
          <cell r="O118">
            <v>3.2136765210727088E-3</v>
          </cell>
          <cell r="P118">
            <v>3.2136765210727088E-3</v>
          </cell>
          <cell r="Q118">
            <v>3.2136765210727088E-3</v>
          </cell>
          <cell r="R118">
            <v>3.2136765210727088E-3</v>
          </cell>
          <cell r="S118">
            <v>3.2136765210727088E-3</v>
          </cell>
          <cell r="T118">
            <v>3.2136765210727088E-3</v>
          </cell>
          <cell r="U118">
            <v>3.2136765210727088E-3</v>
          </cell>
          <cell r="V118">
            <v>3.2136765210727088E-3</v>
          </cell>
          <cell r="W118">
            <v>3.2136765210727088E-3</v>
          </cell>
        </row>
        <row r="119">
          <cell r="A119" t="str">
            <v>Fam_multiramo_%</v>
          </cell>
          <cell r="G119">
            <v>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0</v>
          </cell>
          <cell r="V119">
            <v>0</v>
          </cell>
          <cell r="W119">
            <v>0</v>
          </cell>
        </row>
        <row r="120">
          <cell r="A120" t="str">
            <v>PMI_multiramo_%</v>
          </cell>
          <cell r="G120">
            <v>0</v>
          </cell>
          <cell r="H120">
            <v>1.044E-2</v>
          </cell>
          <cell r="I120">
            <v>1.044E-2</v>
          </cell>
          <cell r="J120">
            <v>1.044E-2</v>
          </cell>
          <cell r="K120">
            <v>1.044E-2</v>
          </cell>
          <cell r="L120">
            <v>1.044E-2</v>
          </cell>
          <cell r="M120">
            <v>1.044E-2</v>
          </cell>
          <cell r="N120">
            <v>1.044E-2</v>
          </cell>
          <cell r="O120">
            <v>1.044E-2</v>
          </cell>
          <cell r="P120">
            <v>1.044E-2</v>
          </cell>
          <cell r="Q120">
            <v>1.044E-2</v>
          </cell>
          <cell r="R120">
            <v>1.044E-2</v>
          </cell>
          <cell r="S120">
            <v>1.044E-2</v>
          </cell>
          <cell r="T120">
            <v>1.044E-2</v>
          </cell>
          <cell r="U120">
            <v>1.044E-2</v>
          </cell>
          <cell r="V120">
            <v>1.044E-2</v>
          </cell>
          <cell r="W120">
            <v>1.044E-2</v>
          </cell>
        </row>
        <row r="121">
          <cell r="A121" t="str">
            <v>ENT_multiramo_%</v>
          </cell>
          <cell r="G121">
            <v>1.9000000000000017E-2</v>
          </cell>
          <cell r="H121">
            <v>0</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row>
        <row r="122">
          <cell r="A122" t="str">
            <v>Cor_multiramo_%</v>
          </cell>
          <cell r="G122">
            <v>0</v>
          </cell>
          <cell r="H122">
            <v>0</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row>
        <row r="123">
          <cell r="A123" t="str">
            <v>Gra_multiramo_%</v>
          </cell>
          <cell r="G123">
            <v>0</v>
          </cell>
          <cell r="H123">
            <v>0</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row>
        <row r="124">
          <cell r="A124" t="str">
            <v>FEX_multiramo_%</v>
          </cell>
          <cell r="G124">
            <v>0</v>
          </cell>
          <cell r="H124">
            <v>0</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row>
        <row r="125">
          <cell r="A125" t="str">
            <v>MCL_multiramo_%</v>
          </cell>
          <cell r="G125">
            <v>0</v>
          </cell>
          <cell r="H125">
            <v>0</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row>
        <row r="126">
          <cell r="A126" t="str">
            <v>MCG_multiramo_%</v>
          </cell>
          <cell r="G126">
            <v>0</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row>
        <row r="127">
          <cell r="A127" t="str">
            <v>MLE_multiramo_%</v>
          </cell>
          <cell r="G127">
            <v>0</v>
          </cell>
          <cell r="H127">
            <v>0</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row>
        <row r="128">
          <cell r="A128" t="str">
            <v>MFA_multiramo_%</v>
          </cell>
          <cell r="G128">
            <v>0</v>
          </cell>
          <cell r="H128">
            <v>0</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row>
        <row r="129">
          <cell r="A129" t="str">
            <v>MBQ_multiramo_%</v>
          </cell>
          <cell r="G129">
            <v>0</v>
          </cell>
          <cell r="H129">
            <v>0</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row>
        <row r="130">
          <cell r="A130" t="str">
            <v>MBG_multiramo_%</v>
          </cell>
          <cell r="G130">
            <v>0</v>
          </cell>
          <cell r="H130">
            <v>0</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row>
        <row r="131">
          <cell r="A131" t="str">
            <v>WID_multiramo_%</v>
          </cell>
          <cell r="G131">
            <v>3.4209103465347002E-2</v>
          </cell>
          <cell r="H131">
            <v>3.6330184559292128E-2</v>
          </cell>
          <cell r="I131">
            <v>3.6330184559292128E-2</v>
          </cell>
          <cell r="J131">
            <v>3.6330184559292128E-2</v>
          </cell>
          <cell r="K131">
            <v>3.6330184559292128E-2</v>
          </cell>
          <cell r="L131">
            <v>3.6330184559292128E-2</v>
          </cell>
          <cell r="M131">
            <v>3.6330184559292128E-2</v>
          </cell>
          <cell r="N131">
            <v>3.6330184559292128E-2</v>
          </cell>
          <cell r="O131">
            <v>3.6330184559292128E-2</v>
          </cell>
          <cell r="P131">
            <v>3.6330184559292128E-2</v>
          </cell>
          <cell r="Q131">
            <v>3.6330184559292128E-2</v>
          </cell>
          <cell r="R131">
            <v>3.6330184559292128E-2</v>
          </cell>
          <cell r="S131">
            <v>3.6330184559292128E-2</v>
          </cell>
          <cell r="T131">
            <v>3.6330184559292128E-2</v>
          </cell>
          <cell r="U131">
            <v>3.6330184559292128E-2</v>
          </cell>
          <cell r="V131">
            <v>3.6330184559292128E-2</v>
          </cell>
          <cell r="W131">
            <v>3.6330184559292128E-2</v>
          </cell>
        </row>
        <row r="132">
          <cell r="A132" t="str">
            <v>FIN_multiramo_%</v>
          </cell>
          <cell r="G132">
            <v>0</v>
          </cell>
          <cell r="H132">
            <v>0</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row>
        <row r="133">
          <cell r="A133" t="str">
            <v>ALM_multiramo_%</v>
          </cell>
          <cell r="G133">
            <v>0</v>
          </cell>
          <cell r="H133">
            <v>0</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row>
        <row r="134">
          <cell r="A134" t="str">
            <v>FUO_multiramo_%</v>
          </cell>
          <cell r="G134">
            <v>0</v>
          </cell>
          <cell r="H134">
            <v>0</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row>
        <row r="135">
          <cell r="A135" t="str">
            <v>XXX_multiramo_%</v>
          </cell>
          <cell r="G135">
            <v>0</v>
          </cell>
          <cell r="H135">
            <v>0</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row>
        <row r="136">
          <cell r="G136">
            <v>0</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row>
        <row r="137">
          <cell r="A137" t="str">
            <v>Val_unit_%</v>
          </cell>
          <cell r="G137">
            <v>-1.8577406006533643E-2</v>
          </cell>
          <cell r="H137">
            <v>2.9072543282940514E-2</v>
          </cell>
          <cell r="I137">
            <v>2.9072543282940514E-2</v>
          </cell>
          <cell r="J137">
            <v>2.9072543282940514E-2</v>
          </cell>
          <cell r="K137">
            <v>2.9072543282940514E-2</v>
          </cell>
          <cell r="L137">
            <v>2.9072543282940514E-2</v>
          </cell>
          <cell r="M137">
            <v>2.9072543282940514E-2</v>
          </cell>
          <cell r="N137">
            <v>2.9072543282940514E-2</v>
          </cell>
          <cell r="O137">
            <v>2.9072543282940514E-2</v>
          </cell>
          <cell r="P137">
            <v>2.9072543282940514E-2</v>
          </cell>
          <cell r="Q137">
            <v>2.9072543282940514E-2</v>
          </cell>
          <cell r="R137">
            <v>2.9072543282940514E-2</v>
          </cell>
          <cell r="S137">
            <v>2.9072543282940514E-2</v>
          </cell>
          <cell r="T137">
            <v>2.9072543282940514E-2</v>
          </cell>
          <cell r="U137">
            <v>2.9072543282940514E-2</v>
          </cell>
          <cell r="V137">
            <v>2.9072543282940514E-2</v>
          </cell>
          <cell r="W137">
            <v>2.9072543282940514E-2</v>
          </cell>
          <cell r="Y137">
            <v>0</v>
          </cell>
          <cell r="Z137">
            <v>0</v>
          </cell>
        </row>
        <row r="138">
          <cell r="A138" t="str">
            <v>Pre_unit_%</v>
          </cell>
          <cell r="G138">
            <v>2.9169665848362072E-2</v>
          </cell>
          <cell r="H138">
            <v>2.7704996120117505E-2</v>
          </cell>
          <cell r="I138">
            <v>2.7704996120117505E-2</v>
          </cell>
          <cell r="J138">
            <v>2.7704996120117505E-2</v>
          </cell>
          <cell r="K138">
            <v>2.7704996120117505E-2</v>
          </cell>
          <cell r="L138">
            <v>2.7704996120117505E-2</v>
          </cell>
          <cell r="M138">
            <v>2.7704996120117505E-2</v>
          </cell>
          <cell r="N138">
            <v>2.7704996120117505E-2</v>
          </cell>
          <cell r="O138">
            <v>2.7704996120117505E-2</v>
          </cell>
          <cell r="P138">
            <v>2.7704996120117505E-2</v>
          </cell>
          <cell r="Q138">
            <v>2.7704996120117505E-2</v>
          </cell>
          <cell r="R138">
            <v>2.7704996120117505E-2</v>
          </cell>
          <cell r="S138">
            <v>2.7704996120117505E-2</v>
          </cell>
          <cell r="T138">
            <v>2.7704996120117505E-2</v>
          </cell>
          <cell r="U138">
            <v>2.7704996120117505E-2</v>
          </cell>
          <cell r="V138">
            <v>2.7704996120117505E-2</v>
          </cell>
          <cell r="W138">
            <v>2.7704996120117505E-2</v>
          </cell>
        </row>
        <row r="139">
          <cell r="A139" t="str">
            <v>Sma_unit_%</v>
          </cell>
          <cell r="G139">
            <v>8.4852610078284014E-4</v>
          </cell>
          <cell r="H139">
            <v>2.3396166447636167E-2</v>
          </cell>
          <cell r="I139">
            <v>2.3396166447636167E-2</v>
          </cell>
          <cell r="J139">
            <v>2.3396166447636167E-2</v>
          </cell>
          <cell r="K139">
            <v>2.3396166447636167E-2</v>
          </cell>
          <cell r="L139">
            <v>2.3396166447636167E-2</v>
          </cell>
          <cell r="M139">
            <v>2.3396166447636167E-2</v>
          </cell>
          <cell r="N139">
            <v>2.3396166447636167E-2</v>
          </cell>
          <cell r="O139">
            <v>2.3396166447636167E-2</v>
          </cell>
          <cell r="P139">
            <v>2.3396166447636167E-2</v>
          </cell>
          <cell r="Q139">
            <v>2.3396166447636167E-2</v>
          </cell>
          <cell r="R139">
            <v>2.3396166447636167E-2</v>
          </cell>
          <cell r="S139">
            <v>2.3396166447636167E-2</v>
          </cell>
          <cell r="T139">
            <v>2.3396166447636167E-2</v>
          </cell>
          <cell r="U139">
            <v>2.3396166447636167E-2</v>
          </cell>
          <cell r="V139">
            <v>2.3396166447636167E-2</v>
          </cell>
          <cell r="W139">
            <v>2.3396166447636167E-2</v>
          </cell>
        </row>
        <row r="140">
          <cell r="A140" t="str">
            <v>Pri_unit_%</v>
          </cell>
          <cell r="G140">
            <v>1.1983374145058416E-2</v>
          </cell>
          <cell r="H140">
            <v>7.8323974201759562E-3</v>
          </cell>
          <cell r="I140">
            <v>7.8323974201759562E-3</v>
          </cell>
          <cell r="J140">
            <v>7.8323974201759562E-3</v>
          </cell>
          <cell r="K140">
            <v>7.8323974201759562E-3</v>
          </cell>
          <cell r="L140">
            <v>7.8323974201759562E-3</v>
          </cell>
          <cell r="M140">
            <v>7.8323974201759562E-3</v>
          </cell>
          <cell r="N140">
            <v>7.8323974201759562E-3</v>
          </cell>
          <cell r="O140">
            <v>7.8323974201759562E-3</v>
          </cell>
          <cell r="P140">
            <v>7.8323974201759562E-3</v>
          </cell>
          <cell r="Q140">
            <v>7.8323974201759562E-3</v>
          </cell>
          <cell r="R140">
            <v>7.8323974201759562E-3</v>
          </cell>
          <cell r="S140">
            <v>7.8323974201759562E-3</v>
          </cell>
          <cell r="T140">
            <v>7.8323974201759562E-3</v>
          </cell>
          <cell r="U140">
            <v>7.8323974201759562E-3</v>
          </cell>
          <cell r="V140">
            <v>7.8323974201759562E-3</v>
          </cell>
          <cell r="W140">
            <v>7.8323974201759562E-3</v>
          </cell>
        </row>
        <row r="141">
          <cell r="A141" t="str">
            <v>Fam_unit_%</v>
          </cell>
          <cell r="G141">
            <v>0</v>
          </cell>
          <cell r="H141">
            <v>0</v>
          </cell>
          <cell r="I141">
            <v>0</v>
          </cell>
          <cell r="J141">
            <v>0</v>
          </cell>
          <cell r="K141">
            <v>0</v>
          </cell>
          <cell r="L141">
            <v>0</v>
          </cell>
          <cell r="M141">
            <v>0</v>
          </cell>
          <cell r="N141">
            <v>0</v>
          </cell>
          <cell r="O141">
            <v>0</v>
          </cell>
          <cell r="P141">
            <v>0</v>
          </cell>
          <cell r="Q141">
            <v>0</v>
          </cell>
          <cell r="R141">
            <v>0</v>
          </cell>
          <cell r="S141">
            <v>0</v>
          </cell>
          <cell r="T141">
            <v>0</v>
          </cell>
          <cell r="U141">
            <v>0</v>
          </cell>
          <cell r="V141">
            <v>0</v>
          </cell>
          <cell r="W141">
            <v>0</v>
          </cell>
        </row>
        <row r="142">
          <cell r="A142" t="str">
            <v>PMI_unit_%</v>
          </cell>
          <cell r="G142">
            <v>0</v>
          </cell>
          <cell r="H142">
            <v>1.6313922148689201E-2</v>
          </cell>
          <cell r="I142">
            <v>1.6313922148689201E-2</v>
          </cell>
          <cell r="J142">
            <v>1.6313922148689201E-2</v>
          </cell>
          <cell r="K142">
            <v>1.6313922148689201E-2</v>
          </cell>
          <cell r="L142">
            <v>1.6313922148689201E-2</v>
          </cell>
          <cell r="M142">
            <v>1.6313922148689201E-2</v>
          </cell>
          <cell r="N142">
            <v>1.6313922148689201E-2</v>
          </cell>
          <cell r="O142">
            <v>1.6313922148689201E-2</v>
          </cell>
          <cell r="P142">
            <v>1.6313922148689201E-2</v>
          </cell>
          <cell r="Q142">
            <v>1.6313922148689201E-2</v>
          </cell>
          <cell r="R142">
            <v>1.6313922148689201E-2</v>
          </cell>
          <cell r="S142">
            <v>1.6313922148689201E-2</v>
          </cell>
          <cell r="T142">
            <v>1.6313922148689201E-2</v>
          </cell>
          <cell r="U142">
            <v>1.6313922148689201E-2</v>
          </cell>
          <cell r="V142">
            <v>1.6313922148689201E-2</v>
          </cell>
          <cell r="W142">
            <v>1.6313922148689201E-2</v>
          </cell>
        </row>
        <row r="143">
          <cell r="A143" t="str">
            <v>ENT_unit_%</v>
          </cell>
          <cell r="G143">
            <v>0</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row>
        <row r="144">
          <cell r="A144" t="str">
            <v>Cor_unit_%</v>
          </cell>
          <cell r="G144">
            <v>0</v>
          </cell>
          <cell r="H144">
            <v>0</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row>
        <row r="145">
          <cell r="A145" t="str">
            <v>Gra_unit_%</v>
          </cell>
          <cell r="G145">
            <v>0</v>
          </cell>
          <cell r="H145">
            <v>0</v>
          </cell>
          <cell r="I145">
            <v>0</v>
          </cell>
          <cell r="J145">
            <v>0</v>
          </cell>
          <cell r="K145">
            <v>0</v>
          </cell>
          <cell r="L145">
            <v>0</v>
          </cell>
          <cell r="M145">
            <v>0</v>
          </cell>
          <cell r="N145">
            <v>0</v>
          </cell>
          <cell r="O145">
            <v>0</v>
          </cell>
          <cell r="P145">
            <v>0</v>
          </cell>
          <cell r="Q145">
            <v>0</v>
          </cell>
          <cell r="R145">
            <v>0</v>
          </cell>
          <cell r="S145">
            <v>0</v>
          </cell>
          <cell r="T145">
            <v>0</v>
          </cell>
          <cell r="U145">
            <v>0</v>
          </cell>
          <cell r="V145">
            <v>0</v>
          </cell>
          <cell r="W145">
            <v>0</v>
          </cell>
        </row>
        <row r="146">
          <cell r="A146" t="str">
            <v>FEX_unit_%</v>
          </cell>
          <cell r="G146">
            <v>0</v>
          </cell>
          <cell r="H146">
            <v>0</v>
          </cell>
          <cell r="I146">
            <v>0</v>
          </cell>
          <cell r="J146">
            <v>0</v>
          </cell>
          <cell r="K146">
            <v>0</v>
          </cell>
          <cell r="L146">
            <v>0</v>
          </cell>
          <cell r="M146">
            <v>0</v>
          </cell>
          <cell r="N146">
            <v>0</v>
          </cell>
          <cell r="O146">
            <v>0</v>
          </cell>
          <cell r="P146">
            <v>0</v>
          </cell>
          <cell r="Q146">
            <v>0</v>
          </cell>
          <cell r="R146">
            <v>0</v>
          </cell>
          <cell r="S146">
            <v>0</v>
          </cell>
          <cell r="T146">
            <v>0</v>
          </cell>
          <cell r="U146">
            <v>0</v>
          </cell>
          <cell r="V146">
            <v>0</v>
          </cell>
          <cell r="W146">
            <v>0</v>
          </cell>
        </row>
        <row r="147">
          <cell r="A147" t="str">
            <v>MCL_unit_%</v>
          </cell>
          <cell r="G147">
            <v>0</v>
          </cell>
          <cell r="H147">
            <v>0</v>
          </cell>
          <cell r="I147">
            <v>0</v>
          </cell>
          <cell r="J147">
            <v>0</v>
          </cell>
          <cell r="K147">
            <v>0</v>
          </cell>
          <cell r="L147">
            <v>0</v>
          </cell>
          <cell r="M147">
            <v>0</v>
          </cell>
          <cell r="N147">
            <v>0</v>
          </cell>
          <cell r="O147">
            <v>0</v>
          </cell>
          <cell r="P147">
            <v>0</v>
          </cell>
          <cell r="Q147">
            <v>0</v>
          </cell>
          <cell r="R147">
            <v>0</v>
          </cell>
          <cell r="S147">
            <v>0</v>
          </cell>
          <cell r="T147">
            <v>0</v>
          </cell>
          <cell r="U147">
            <v>0</v>
          </cell>
          <cell r="V147">
            <v>0</v>
          </cell>
          <cell r="W147">
            <v>0</v>
          </cell>
        </row>
        <row r="148">
          <cell r="A148" t="str">
            <v>MCG_unit_%</v>
          </cell>
          <cell r="G148">
            <v>0</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row>
        <row r="149">
          <cell r="A149" t="str">
            <v>MLE_unit_%</v>
          </cell>
          <cell r="G149">
            <v>0</v>
          </cell>
          <cell r="H149">
            <v>0</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row>
        <row r="150">
          <cell r="A150" t="str">
            <v>MFA_unit_%</v>
          </cell>
          <cell r="G150">
            <v>0</v>
          </cell>
          <cell r="H150">
            <v>0</v>
          </cell>
          <cell r="I150">
            <v>0</v>
          </cell>
          <cell r="J150">
            <v>0</v>
          </cell>
          <cell r="K150">
            <v>0</v>
          </cell>
          <cell r="L150">
            <v>0</v>
          </cell>
          <cell r="M150">
            <v>0</v>
          </cell>
          <cell r="N150">
            <v>0</v>
          </cell>
          <cell r="O150">
            <v>0</v>
          </cell>
          <cell r="P150">
            <v>0</v>
          </cell>
          <cell r="Q150">
            <v>0</v>
          </cell>
          <cell r="R150">
            <v>0</v>
          </cell>
          <cell r="S150">
            <v>0</v>
          </cell>
          <cell r="T150">
            <v>0</v>
          </cell>
          <cell r="U150">
            <v>0</v>
          </cell>
          <cell r="V150">
            <v>0</v>
          </cell>
          <cell r="W150">
            <v>0</v>
          </cell>
        </row>
        <row r="151">
          <cell r="A151" t="str">
            <v>MBQ_unit_%</v>
          </cell>
          <cell r="G151">
            <v>0</v>
          </cell>
          <cell r="H151">
            <v>0</v>
          </cell>
          <cell r="I151">
            <v>0</v>
          </cell>
          <cell r="J151">
            <v>0</v>
          </cell>
          <cell r="K151">
            <v>0</v>
          </cell>
          <cell r="L151">
            <v>0</v>
          </cell>
          <cell r="M151">
            <v>0</v>
          </cell>
          <cell r="N151">
            <v>0</v>
          </cell>
          <cell r="O151">
            <v>0</v>
          </cell>
          <cell r="P151">
            <v>0</v>
          </cell>
          <cell r="Q151">
            <v>0</v>
          </cell>
          <cell r="R151">
            <v>0</v>
          </cell>
          <cell r="S151">
            <v>0</v>
          </cell>
          <cell r="T151">
            <v>0</v>
          </cell>
          <cell r="U151">
            <v>0</v>
          </cell>
          <cell r="V151">
            <v>0</v>
          </cell>
          <cell r="W151">
            <v>0</v>
          </cell>
        </row>
        <row r="152">
          <cell r="A152" t="str">
            <v>MBG_unit_%</v>
          </cell>
          <cell r="G152">
            <v>0</v>
          </cell>
          <cell r="H152">
            <v>0</v>
          </cell>
          <cell r="I152">
            <v>0</v>
          </cell>
          <cell r="J152">
            <v>0</v>
          </cell>
          <cell r="K152">
            <v>0</v>
          </cell>
          <cell r="L152">
            <v>0</v>
          </cell>
          <cell r="M152">
            <v>0</v>
          </cell>
          <cell r="N152">
            <v>0</v>
          </cell>
          <cell r="O152">
            <v>0</v>
          </cell>
          <cell r="P152">
            <v>0</v>
          </cell>
          <cell r="Q152">
            <v>0</v>
          </cell>
          <cell r="R152">
            <v>0</v>
          </cell>
          <cell r="S152">
            <v>0</v>
          </cell>
          <cell r="T152">
            <v>0</v>
          </cell>
          <cell r="U152">
            <v>0</v>
          </cell>
          <cell r="V152">
            <v>0</v>
          </cell>
          <cell r="W152">
            <v>0</v>
          </cell>
        </row>
        <row r="153">
          <cell r="A153" t="str">
            <v>WID_unit_%</v>
          </cell>
          <cell r="G153">
            <v>3.2973533754251938E-2</v>
          </cell>
          <cell r="H153">
            <v>3.6330184559292128E-2</v>
          </cell>
          <cell r="I153">
            <v>3.6330184559292128E-2</v>
          </cell>
          <cell r="J153">
            <v>3.6330184559292128E-2</v>
          </cell>
          <cell r="K153">
            <v>3.6330184559292128E-2</v>
          </cell>
          <cell r="L153">
            <v>3.6330184559292128E-2</v>
          </cell>
          <cell r="M153">
            <v>3.6330184559292128E-2</v>
          </cell>
          <cell r="N153">
            <v>3.6330184559292128E-2</v>
          </cell>
          <cell r="O153">
            <v>3.6330184559292128E-2</v>
          </cell>
          <cell r="P153">
            <v>3.6330184559292128E-2</v>
          </cell>
          <cell r="Q153">
            <v>3.6330184559292128E-2</v>
          </cell>
          <cell r="R153">
            <v>3.6330184559292128E-2</v>
          </cell>
          <cell r="S153">
            <v>3.6330184559292128E-2</v>
          </cell>
          <cell r="T153">
            <v>3.6330184559292128E-2</v>
          </cell>
          <cell r="U153">
            <v>3.6330184559292128E-2</v>
          </cell>
          <cell r="V153">
            <v>3.6330184559292128E-2</v>
          </cell>
          <cell r="W153">
            <v>3.6330184559292128E-2</v>
          </cell>
        </row>
        <row r="154">
          <cell r="A154" t="str">
            <v>FIN_unit_%</v>
          </cell>
          <cell r="G154">
            <v>0</v>
          </cell>
          <cell r="H154">
            <v>0</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row>
        <row r="155">
          <cell r="A155" t="str">
            <v>ALM_unit_%</v>
          </cell>
          <cell r="G155">
            <v>0</v>
          </cell>
          <cell r="H155">
            <v>0</v>
          </cell>
          <cell r="I155">
            <v>0</v>
          </cell>
          <cell r="J155">
            <v>0</v>
          </cell>
          <cell r="K155">
            <v>0</v>
          </cell>
          <cell r="L155">
            <v>0</v>
          </cell>
          <cell r="M155">
            <v>0</v>
          </cell>
          <cell r="N155">
            <v>0</v>
          </cell>
          <cell r="O155">
            <v>0</v>
          </cell>
          <cell r="P155">
            <v>0</v>
          </cell>
          <cell r="Q155">
            <v>0</v>
          </cell>
          <cell r="R155">
            <v>0</v>
          </cell>
          <cell r="S155">
            <v>0</v>
          </cell>
          <cell r="T155">
            <v>0</v>
          </cell>
          <cell r="U155">
            <v>0</v>
          </cell>
          <cell r="V155">
            <v>0</v>
          </cell>
          <cell r="W155">
            <v>0</v>
          </cell>
        </row>
        <row r="156">
          <cell r="A156" t="str">
            <v>FUO_unit_%</v>
          </cell>
          <cell r="G156">
            <v>0</v>
          </cell>
          <cell r="H156">
            <v>0</v>
          </cell>
          <cell r="I156">
            <v>0</v>
          </cell>
          <cell r="J156">
            <v>0</v>
          </cell>
          <cell r="K156">
            <v>0</v>
          </cell>
          <cell r="L156">
            <v>0</v>
          </cell>
          <cell r="M156">
            <v>0</v>
          </cell>
          <cell r="N156">
            <v>0</v>
          </cell>
          <cell r="O156">
            <v>0</v>
          </cell>
          <cell r="P156">
            <v>0</v>
          </cell>
          <cell r="Q156">
            <v>0</v>
          </cell>
          <cell r="R156">
            <v>0</v>
          </cell>
          <cell r="S156">
            <v>0</v>
          </cell>
          <cell r="T156">
            <v>0</v>
          </cell>
          <cell r="U156">
            <v>0</v>
          </cell>
          <cell r="V156">
            <v>0</v>
          </cell>
          <cell r="W156">
            <v>0</v>
          </cell>
        </row>
        <row r="157">
          <cell r="A157" t="str">
            <v>XXX_unit_%</v>
          </cell>
          <cell r="G157">
            <v>0</v>
          </cell>
          <cell r="H157">
            <v>0</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row>
        <row r="158">
          <cell r="G158">
            <v>0</v>
          </cell>
          <cell r="H158">
            <v>0</v>
          </cell>
          <cell r="I158">
            <v>0</v>
          </cell>
          <cell r="J158">
            <v>0</v>
          </cell>
          <cell r="K158">
            <v>0</v>
          </cell>
          <cell r="L158">
            <v>0</v>
          </cell>
          <cell r="M158">
            <v>0</v>
          </cell>
          <cell r="N158">
            <v>0</v>
          </cell>
          <cell r="O158">
            <v>0</v>
          </cell>
          <cell r="P158">
            <v>0</v>
          </cell>
          <cell r="Q158">
            <v>0</v>
          </cell>
          <cell r="R158">
            <v>0</v>
          </cell>
          <cell r="S158">
            <v>0</v>
          </cell>
          <cell r="T158">
            <v>0</v>
          </cell>
          <cell r="U158">
            <v>0</v>
          </cell>
          <cell r="V158">
            <v>0</v>
          </cell>
          <cell r="W158">
            <v>0</v>
          </cell>
        </row>
        <row r="159">
          <cell r="A159" t="str">
            <v>Val_previdenza_%</v>
          </cell>
          <cell r="G159">
            <v>2.5705407719973069E-3</v>
          </cell>
          <cell r="H159">
            <v>1.6995541928461959E-3</v>
          </cell>
          <cell r="I159">
            <v>1.6995541928461959E-3</v>
          </cell>
          <cell r="J159">
            <v>1.6995541928461959E-3</v>
          </cell>
          <cell r="K159">
            <v>1.6995541928461959E-3</v>
          </cell>
          <cell r="L159">
            <v>1.6995541928461959E-3</v>
          </cell>
          <cell r="M159">
            <v>1.6995541928461959E-3</v>
          </cell>
          <cell r="N159">
            <v>1.6995541928461959E-3</v>
          </cell>
          <cell r="O159">
            <v>1.6995541928461959E-3</v>
          </cell>
          <cell r="P159">
            <v>1.6995541928461959E-3</v>
          </cell>
          <cell r="Q159">
            <v>1.6995541928461959E-3</v>
          </cell>
          <cell r="R159">
            <v>1.6995541928461959E-3</v>
          </cell>
          <cell r="S159">
            <v>1.6995541928461959E-3</v>
          </cell>
          <cell r="T159">
            <v>1.6995541928461959E-3</v>
          </cell>
          <cell r="U159">
            <v>1.6995541928461959E-3</v>
          </cell>
          <cell r="V159">
            <v>1.6995541928461959E-3</v>
          </cell>
          <cell r="W159">
            <v>1.6995541928461959E-3</v>
          </cell>
          <cell r="Y159">
            <v>0</v>
          </cell>
          <cell r="Z159">
            <v>0</v>
          </cell>
        </row>
        <row r="160">
          <cell r="A160" t="str">
            <v>Pre_previdenza_%</v>
          </cell>
          <cell r="G160">
            <v>1.7181912178480085E-3</v>
          </cell>
          <cell r="H160">
            <v>1.7433944754085659E-3</v>
          </cell>
          <cell r="I160">
            <v>1.7433944754085659E-3</v>
          </cell>
          <cell r="J160">
            <v>1.7433944754085659E-3</v>
          </cell>
          <cell r="K160">
            <v>1.7433944754085659E-3</v>
          </cell>
          <cell r="L160">
            <v>1.7433944754085659E-3</v>
          </cell>
          <cell r="M160">
            <v>1.7433944754085659E-3</v>
          </cell>
          <cell r="N160">
            <v>1.7433944754085659E-3</v>
          </cell>
          <cell r="O160">
            <v>1.7433944754085659E-3</v>
          </cell>
          <cell r="P160">
            <v>1.7433944754085659E-3</v>
          </cell>
          <cell r="Q160">
            <v>1.7433944754085659E-3</v>
          </cell>
          <cell r="R160">
            <v>1.7433944754085659E-3</v>
          </cell>
          <cell r="S160">
            <v>1.7433944754085659E-3</v>
          </cell>
          <cell r="T160">
            <v>1.7433944754085659E-3</v>
          </cell>
          <cell r="U160">
            <v>1.7433944754085659E-3</v>
          </cell>
          <cell r="V160">
            <v>1.7433944754085659E-3</v>
          </cell>
          <cell r="W160">
            <v>1.7433944754085659E-3</v>
          </cell>
        </row>
        <row r="161">
          <cell r="A161" t="str">
            <v>Sma_previdenza_%</v>
          </cell>
          <cell r="G161">
            <v>9.5218990402459123E-5</v>
          </cell>
          <cell r="H161">
            <v>6.1183550487343061E-5</v>
          </cell>
          <cell r="I161">
            <v>6.1183550487343061E-5</v>
          </cell>
          <cell r="J161">
            <v>6.1183550487343061E-5</v>
          </cell>
          <cell r="K161">
            <v>6.1183550487343061E-5</v>
          </cell>
          <cell r="L161">
            <v>6.1183550487343061E-5</v>
          </cell>
          <cell r="M161">
            <v>6.1183550487343061E-5</v>
          </cell>
          <cell r="N161">
            <v>6.1183550487343061E-5</v>
          </cell>
          <cell r="O161">
            <v>6.1183550487343061E-5</v>
          </cell>
          <cell r="P161">
            <v>6.1183550487343061E-5</v>
          </cell>
          <cell r="Q161">
            <v>6.1183550487343061E-5</v>
          </cell>
          <cell r="R161">
            <v>6.1183550487343061E-5</v>
          </cell>
          <cell r="S161">
            <v>6.1183550487343061E-5</v>
          </cell>
          <cell r="T161">
            <v>6.1183550487343061E-5</v>
          </cell>
          <cell r="U161">
            <v>6.1183550487343061E-5</v>
          </cell>
          <cell r="V161">
            <v>6.1183550487343061E-5</v>
          </cell>
          <cell r="W161">
            <v>6.1183550487343061E-5</v>
          </cell>
        </row>
        <row r="162">
          <cell r="A162" t="str">
            <v>Pri_previdenza_%</v>
          </cell>
          <cell r="G162">
            <v>7.744248875156132E-4</v>
          </cell>
          <cell r="H162">
            <v>1.1561314958096654E-3</v>
          </cell>
          <cell r="I162">
            <v>1.1561314958096654E-3</v>
          </cell>
          <cell r="J162">
            <v>1.1561314958096654E-3</v>
          </cell>
          <cell r="K162">
            <v>1.1561314958096654E-3</v>
          </cell>
          <cell r="L162">
            <v>1.1561314958096654E-3</v>
          </cell>
          <cell r="M162">
            <v>1.1561314958096654E-3</v>
          </cell>
          <cell r="N162">
            <v>1.1561314958096654E-3</v>
          </cell>
          <cell r="O162">
            <v>1.1561314958096654E-3</v>
          </cell>
          <cell r="P162">
            <v>1.1561314958096654E-3</v>
          </cell>
          <cell r="Q162">
            <v>1.1561314958096654E-3</v>
          </cell>
          <cell r="R162">
            <v>1.1561314958096654E-3</v>
          </cell>
          <cell r="S162">
            <v>1.1561314958096654E-3</v>
          </cell>
          <cell r="T162">
            <v>1.1561314958096654E-3</v>
          </cell>
          <cell r="U162">
            <v>1.1561314958096654E-3</v>
          </cell>
          <cell r="V162">
            <v>1.1561314958096654E-3</v>
          </cell>
          <cell r="W162">
            <v>1.1561314958096654E-3</v>
          </cell>
        </row>
        <row r="163">
          <cell r="A163" t="str">
            <v>Fam_previdenza_%</v>
          </cell>
          <cell r="G163">
            <v>9.8179500663815524E-5</v>
          </cell>
          <cell r="H163">
            <v>1.4476913112739449E-3</v>
          </cell>
          <cell r="I163">
            <v>1.4476913112739449E-3</v>
          </cell>
          <cell r="J163">
            <v>1.4476913112739449E-3</v>
          </cell>
          <cell r="K163">
            <v>1.4476913112739449E-3</v>
          </cell>
          <cell r="L163">
            <v>1.4476913112739449E-3</v>
          </cell>
          <cell r="M163">
            <v>1.4476913112739449E-3</v>
          </cell>
          <cell r="N163">
            <v>1.4476913112739449E-3</v>
          </cell>
          <cell r="O163">
            <v>1.4476913112739449E-3</v>
          </cell>
          <cell r="P163">
            <v>1.4476913112739449E-3</v>
          </cell>
          <cell r="Q163">
            <v>1.4476913112739449E-3</v>
          </cell>
          <cell r="R163">
            <v>1.4476913112739449E-3</v>
          </cell>
          <cell r="S163">
            <v>1.4476913112739449E-3</v>
          </cell>
          <cell r="T163">
            <v>1.4476913112739449E-3</v>
          </cell>
          <cell r="U163">
            <v>1.4476913112739449E-3</v>
          </cell>
          <cell r="V163">
            <v>1.4476913112739449E-3</v>
          </cell>
          <cell r="W163">
            <v>1.4476913112739449E-3</v>
          </cell>
        </row>
        <row r="164">
          <cell r="A164" t="str">
            <v>PMI_previdenza_%</v>
          </cell>
          <cell r="G164">
            <v>0</v>
          </cell>
          <cell r="H164">
            <v>0</v>
          </cell>
          <cell r="I164">
            <v>0</v>
          </cell>
          <cell r="J164">
            <v>0</v>
          </cell>
          <cell r="K164">
            <v>0</v>
          </cell>
          <cell r="L164">
            <v>0</v>
          </cell>
          <cell r="M164">
            <v>0</v>
          </cell>
          <cell r="N164">
            <v>0</v>
          </cell>
          <cell r="O164">
            <v>0</v>
          </cell>
          <cell r="P164">
            <v>0</v>
          </cell>
          <cell r="Q164">
            <v>0</v>
          </cell>
          <cell r="R164">
            <v>0</v>
          </cell>
          <cell r="S164">
            <v>0</v>
          </cell>
          <cell r="T164">
            <v>0</v>
          </cell>
          <cell r="U164">
            <v>0</v>
          </cell>
          <cell r="V164">
            <v>0</v>
          </cell>
          <cell r="W164">
            <v>0</v>
          </cell>
        </row>
        <row r="165">
          <cell r="A165" t="str">
            <v>ENT_previdenza_%</v>
          </cell>
          <cell r="G165">
            <v>0</v>
          </cell>
          <cell r="H165">
            <v>0</v>
          </cell>
          <cell r="I165">
            <v>0</v>
          </cell>
          <cell r="J165">
            <v>0</v>
          </cell>
          <cell r="K165">
            <v>0</v>
          </cell>
          <cell r="L165">
            <v>0</v>
          </cell>
          <cell r="M165">
            <v>0</v>
          </cell>
          <cell r="N165">
            <v>0</v>
          </cell>
          <cell r="O165">
            <v>0</v>
          </cell>
          <cell r="P165">
            <v>0</v>
          </cell>
          <cell r="Q165">
            <v>0</v>
          </cell>
          <cell r="R165">
            <v>0</v>
          </cell>
          <cell r="S165">
            <v>0</v>
          </cell>
          <cell r="T165">
            <v>0</v>
          </cell>
          <cell r="U165">
            <v>0</v>
          </cell>
          <cell r="V165">
            <v>0</v>
          </cell>
          <cell r="W165">
            <v>0</v>
          </cell>
        </row>
        <row r="166">
          <cell r="A166" t="str">
            <v>Cor_previdenza_%</v>
          </cell>
          <cell r="G166">
            <v>0</v>
          </cell>
          <cell r="H166">
            <v>0</v>
          </cell>
          <cell r="I166">
            <v>0</v>
          </cell>
          <cell r="J166">
            <v>0</v>
          </cell>
          <cell r="K166">
            <v>0</v>
          </cell>
          <cell r="L166">
            <v>0</v>
          </cell>
          <cell r="M166">
            <v>0</v>
          </cell>
          <cell r="N166">
            <v>0</v>
          </cell>
          <cell r="O166">
            <v>0</v>
          </cell>
          <cell r="P166">
            <v>0</v>
          </cell>
          <cell r="Q166">
            <v>0</v>
          </cell>
          <cell r="R166">
            <v>0</v>
          </cell>
          <cell r="S166">
            <v>0</v>
          </cell>
          <cell r="T166">
            <v>0</v>
          </cell>
          <cell r="U166">
            <v>0</v>
          </cell>
          <cell r="V166">
            <v>0</v>
          </cell>
          <cell r="W166">
            <v>0</v>
          </cell>
        </row>
        <row r="167">
          <cell r="A167" t="str">
            <v>Gra_previdenza_%</v>
          </cell>
          <cell r="G167">
            <v>0</v>
          </cell>
          <cell r="H167">
            <v>0</v>
          </cell>
          <cell r="I167">
            <v>0</v>
          </cell>
          <cell r="J167">
            <v>0</v>
          </cell>
          <cell r="K167">
            <v>0</v>
          </cell>
          <cell r="L167">
            <v>0</v>
          </cell>
          <cell r="M167">
            <v>0</v>
          </cell>
          <cell r="N167">
            <v>0</v>
          </cell>
          <cell r="O167">
            <v>0</v>
          </cell>
          <cell r="P167">
            <v>0</v>
          </cell>
          <cell r="Q167">
            <v>0</v>
          </cell>
          <cell r="R167">
            <v>0</v>
          </cell>
          <cell r="S167">
            <v>0</v>
          </cell>
          <cell r="T167">
            <v>0</v>
          </cell>
          <cell r="U167">
            <v>0</v>
          </cell>
          <cell r="V167">
            <v>0</v>
          </cell>
          <cell r="W167">
            <v>0</v>
          </cell>
        </row>
        <row r="168">
          <cell r="A168" t="str">
            <v>FEX_previdenza_%</v>
          </cell>
          <cell r="G168">
            <v>0</v>
          </cell>
          <cell r="H168">
            <v>0</v>
          </cell>
          <cell r="I168">
            <v>0</v>
          </cell>
          <cell r="J168">
            <v>0</v>
          </cell>
          <cell r="K168">
            <v>0</v>
          </cell>
          <cell r="L168">
            <v>0</v>
          </cell>
          <cell r="M168">
            <v>0</v>
          </cell>
          <cell r="N168">
            <v>0</v>
          </cell>
          <cell r="O168">
            <v>0</v>
          </cell>
          <cell r="P168">
            <v>0</v>
          </cell>
          <cell r="Q168">
            <v>0</v>
          </cell>
          <cell r="R168">
            <v>0</v>
          </cell>
          <cell r="S168">
            <v>0</v>
          </cell>
          <cell r="T168">
            <v>0</v>
          </cell>
          <cell r="U168">
            <v>0</v>
          </cell>
          <cell r="V168">
            <v>0</v>
          </cell>
          <cell r="W168">
            <v>0</v>
          </cell>
        </row>
        <row r="169">
          <cell r="A169" t="str">
            <v>MCL_previdenza_%</v>
          </cell>
          <cell r="G169">
            <v>0</v>
          </cell>
          <cell r="H169">
            <v>0</v>
          </cell>
          <cell r="I169">
            <v>0</v>
          </cell>
          <cell r="J169">
            <v>0</v>
          </cell>
          <cell r="K169">
            <v>0</v>
          </cell>
          <cell r="L169">
            <v>0</v>
          </cell>
          <cell r="M169">
            <v>0</v>
          </cell>
          <cell r="N169">
            <v>0</v>
          </cell>
          <cell r="O169">
            <v>0</v>
          </cell>
          <cell r="P169">
            <v>0</v>
          </cell>
          <cell r="Q169">
            <v>0</v>
          </cell>
          <cell r="R169">
            <v>0</v>
          </cell>
          <cell r="S169">
            <v>0</v>
          </cell>
          <cell r="T169">
            <v>0</v>
          </cell>
          <cell r="U169">
            <v>0</v>
          </cell>
          <cell r="V169">
            <v>0</v>
          </cell>
          <cell r="W169">
            <v>0</v>
          </cell>
        </row>
        <row r="170">
          <cell r="A170" t="str">
            <v>MCG_previdenza_%</v>
          </cell>
          <cell r="G170">
            <v>0</v>
          </cell>
          <cell r="H170">
            <v>0</v>
          </cell>
          <cell r="I170">
            <v>0</v>
          </cell>
          <cell r="J170">
            <v>0</v>
          </cell>
          <cell r="K170">
            <v>0</v>
          </cell>
          <cell r="L170">
            <v>0</v>
          </cell>
          <cell r="M170">
            <v>0</v>
          </cell>
          <cell r="N170">
            <v>0</v>
          </cell>
          <cell r="O170">
            <v>0</v>
          </cell>
          <cell r="P170">
            <v>0</v>
          </cell>
          <cell r="Q170">
            <v>0</v>
          </cell>
          <cell r="R170">
            <v>0</v>
          </cell>
          <cell r="S170">
            <v>0</v>
          </cell>
          <cell r="T170">
            <v>0</v>
          </cell>
          <cell r="U170">
            <v>0</v>
          </cell>
          <cell r="V170">
            <v>0</v>
          </cell>
          <cell r="W170">
            <v>0</v>
          </cell>
        </row>
        <row r="171">
          <cell r="A171" t="str">
            <v>MLE_previdenza_%</v>
          </cell>
          <cell r="G171">
            <v>0</v>
          </cell>
          <cell r="H171">
            <v>0</v>
          </cell>
          <cell r="I171">
            <v>0</v>
          </cell>
          <cell r="J171">
            <v>0</v>
          </cell>
          <cell r="K171">
            <v>0</v>
          </cell>
          <cell r="L171">
            <v>0</v>
          </cell>
          <cell r="M171">
            <v>0</v>
          </cell>
          <cell r="N171">
            <v>0</v>
          </cell>
          <cell r="O171">
            <v>0</v>
          </cell>
          <cell r="P171">
            <v>0</v>
          </cell>
          <cell r="Q171">
            <v>0</v>
          </cell>
          <cell r="R171">
            <v>0</v>
          </cell>
          <cell r="S171">
            <v>0</v>
          </cell>
          <cell r="T171">
            <v>0</v>
          </cell>
          <cell r="U171">
            <v>0</v>
          </cell>
          <cell r="V171">
            <v>0</v>
          </cell>
          <cell r="W171">
            <v>0</v>
          </cell>
        </row>
        <row r="172">
          <cell r="A172" t="str">
            <v>MFA_previdenza_%</v>
          </cell>
          <cell r="G172">
            <v>0</v>
          </cell>
          <cell r="H172">
            <v>0</v>
          </cell>
          <cell r="I172">
            <v>0</v>
          </cell>
          <cell r="J172">
            <v>0</v>
          </cell>
          <cell r="K172">
            <v>0</v>
          </cell>
          <cell r="L172">
            <v>0</v>
          </cell>
          <cell r="M172">
            <v>0</v>
          </cell>
          <cell r="N172">
            <v>0</v>
          </cell>
          <cell r="O172">
            <v>0</v>
          </cell>
          <cell r="P172">
            <v>0</v>
          </cell>
          <cell r="Q172">
            <v>0</v>
          </cell>
          <cell r="R172">
            <v>0</v>
          </cell>
          <cell r="S172">
            <v>0</v>
          </cell>
          <cell r="T172">
            <v>0</v>
          </cell>
          <cell r="U172">
            <v>0</v>
          </cell>
          <cell r="V172">
            <v>0</v>
          </cell>
          <cell r="W172">
            <v>0</v>
          </cell>
        </row>
        <row r="173">
          <cell r="A173" t="str">
            <v>MBQ_previdenza_%</v>
          </cell>
          <cell r="G173">
            <v>0</v>
          </cell>
          <cell r="H173">
            <v>0</v>
          </cell>
          <cell r="I173">
            <v>0</v>
          </cell>
          <cell r="J173">
            <v>0</v>
          </cell>
          <cell r="K173">
            <v>0</v>
          </cell>
          <cell r="L173">
            <v>0</v>
          </cell>
          <cell r="M173">
            <v>0</v>
          </cell>
          <cell r="N173">
            <v>0</v>
          </cell>
          <cell r="O173">
            <v>0</v>
          </cell>
          <cell r="P173">
            <v>0</v>
          </cell>
          <cell r="Q173">
            <v>0</v>
          </cell>
          <cell r="R173">
            <v>0</v>
          </cell>
          <cell r="S173">
            <v>0</v>
          </cell>
          <cell r="T173">
            <v>0</v>
          </cell>
          <cell r="U173">
            <v>0</v>
          </cell>
          <cell r="V173">
            <v>0</v>
          </cell>
          <cell r="W173">
            <v>0</v>
          </cell>
        </row>
        <row r="174">
          <cell r="A174" t="str">
            <v>MBG_previdenza_%</v>
          </cell>
          <cell r="G174">
            <v>0</v>
          </cell>
          <cell r="H174">
            <v>0</v>
          </cell>
          <cell r="I174">
            <v>0</v>
          </cell>
          <cell r="J174">
            <v>0</v>
          </cell>
          <cell r="K174">
            <v>0</v>
          </cell>
          <cell r="L174">
            <v>0</v>
          </cell>
          <cell r="M174">
            <v>0</v>
          </cell>
          <cell r="N174">
            <v>0</v>
          </cell>
          <cell r="O174">
            <v>0</v>
          </cell>
          <cell r="P174">
            <v>0</v>
          </cell>
          <cell r="Q174">
            <v>0</v>
          </cell>
          <cell r="R174">
            <v>0</v>
          </cell>
          <cell r="S174">
            <v>0</v>
          </cell>
          <cell r="T174">
            <v>0</v>
          </cell>
          <cell r="U174">
            <v>0</v>
          </cell>
          <cell r="V174">
            <v>0</v>
          </cell>
          <cell r="W174">
            <v>0</v>
          </cell>
        </row>
        <row r="175">
          <cell r="A175" t="str">
            <v>WID_previdenza_%</v>
          </cell>
          <cell r="G175">
            <v>3.3950092901446814E-2</v>
          </cell>
          <cell r="H175">
            <v>3.6330184559292128E-2</v>
          </cell>
          <cell r="I175">
            <v>3.6330184559292128E-2</v>
          </cell>
          <cell r="J175">
            <v>3.6330184559292128E-2</v>
          </cell>
          <cell r="K175">
            <v>3.6330184559292128E-2</v>
          </cell>
          <cell r="L175">
            <v>3.6330184559292128E-2</v>
          </cell>
          <cell r="M175">
            <v>3.6330184559292128E-2</v>
          </cell>
          <cell r="N175">
            <v>3.6330184559292128E-2</v>
          </cell>
          <cell r="O175">
            <v>3.6330184559292128E-2</v>
          </cell>
          <cell r="P175">
            <v>3.6330184559292128E-2</v>
          </cell>
          <cell r="Q175">
            <v>3.6330184559292128E-2</v>
          </cell>
          <cell r="R175">
            <v>3.6330184559292128E-2</v>
          </cell>
          <cell r="S175">
            <v>3.6330184559292128E-2</v>
          </cell>
          <cell r="T175">
            <v>3.6330184559292128E-2</v>
          </cell>
          <cell r="U175">
            <v>3.6330184559292128E-2</v>
          </cell>
          <cell r="V175">
            <v>3.6330184559292128E-2</v>
          </cell>
          <cell r="W175">
            <v>3.6330184559292128E-2</v>
          </cell>
        </row>
        <row r="176">
          <cell r="A176" t="str">
            <v>FIN_previdenza_%</v>
          </cell>
          <cell r="G176">
            <v>0</v>
          </cell>
          <cell r="H176">
            <v>0</v>
          </cell>
          <cell r="I176">
            <v>0</v>
          </cell>
          <cell r="J176">
            <v>0</v>
          </cell>
          <cell r="K176">
            <v>0</v>
          </cell>
          <cell r="L176">
            <v>0</v>
          </cell>
          <cell r="M176">
            <v>0</v>
          </cell>
          <cell r="N176">
            <v>0</v>
          </cell>
          <cell r="O176">
            <v>0</v>
          </cell>
          <cell r="P176">
            <v>0</v>
          </cell>
          <cell r="Q176">
            <v>0</v>
          </cell>
          <cell r="R176">
            <v>0</v>
          </cell>
          <cell r="S176">
            <v>0</v>
          </cell>
          <cell r="T176">
            <v>0</v>
          </cell>
          <cell r="U176">
            <v>0</v>
          </cell>
          <cell r="V176">
            <v>0</v>
          </cell>
          <cell r="W176">
            <v>0</v>
          </cell>
        </row>
        <row r="177">
          <cell r="A177" t="str">
            <v>ALM_previdenza_%</v>
          </cell>
          <cell r="G177">
            <v>0</v>
          </cell>
          <cell r="H177">
            <v>0</v>
          </cell>
          <cell r="I177">
            <v>0</v>
          </cell>
          <cell r="J177">
            <v>0</v>
          </cell>
          <cell r="K177">
            <v>0</v>
          </cell>
          <cell r="L177">
            <v>0</v>
          </cell>
          <cell r="M177">
            <v>0</v>
          </cell>
          <cell r="N177">
            <v>0</v>
          </cell>
          <cell r="O177">
            <v>0</v>
          </cell>
          <cell r="P177">
            <v>0</v>
          </cell>
          <cell r="Q177">
            <v>0</v>
          </cell>
          <cell r="R177">
            <v>0</v>
          </cell>
          <cell r="S177">
            <v>0</v>
          </cell>
          <cell r="T177">
            <v>0</v>
          </cell>
          <cell r="U177">
            <v>0</v>
          </cell>
          <cell r="V177">
            <v>0</v>
          </cell>
          <cell r="W177">
            <v>0</v>
          </cell>
        </row>
        <row r="178">
          <cell r="A178" t="str">
            <v>FUO_previdenza_%</v>
          </cell>
          <cell r="G178">
            <v>0</v>
          </cell>
          <cell r="H178">
            <v>0</v>
          </cell>
          <cell r="I178">
            <v>0</v>
          </cell>
          <cell r="J178">
            <v>0</v>
          </cell>
          <cell r="K178">
            <v>0</v>
          </cell>
          <cell r="L178">
            <v>0</v>
          </cell>
          <cell r="M178">
            <v>0</v>
          </cell>
          <cell r="N178">
            <v>0</v>
          </cell>
          <cell r="O178">
            <v>0</v>
          </cell>
          <cell r="P178">
            <v>0</v>
          </cell>
          <cell r="Q178">
            <v>0</v>
          </cell>
          <cell r="R178">
            <v>0</v>
          </cell>
          <cell r="S178">
            <v>0</v>
          </cell>
          <cell r="T178">
            <v>0</v>
          </cell>
          <cell r="U178">
            <v>0</v>
          </cell>
          <cell r="V178">
            <v>0</v>
          </cell>
          <cell r="W178">
            <v>0</v>
          </cell>
        </row>
        <row r="179">
          <cell r="A179" t="str">
            <v>XXX_previdenza_%</v>
          </cell>
          <cell r="G179">
            <v>0</v>
          </cell>
          <cell r="H179">
            <v>0</v>
          </cell>
          <cell r="I179">
            <v>0</v>
          </cell>
          <cell r="J179">
            <v>0</v>
          </cell>
          <cell r="K179">
            <v>0</v>
          </cell>
          <cell r="L179">
            <v>0</v>
          </cell>
          <cell r="M179">
            <v>0</v>
          </cell>
          <cell r="N179">
            <v>0</v>
          </cell>
          <cell r="O179">
            <v>0</v>
          </cell>
          <cell r="P179">
            <v>0</v>
          </cell>
          <cell r="Q179">
            <v>0</v>
          </cell>
          <cell r="R179">
            <v>0</v>
          </cell>
          <cell r="S179">
            <v>0</v>
          </cell>
          <cell r="T179">
            <v>0</v>
          </cell>
          <cell r="U179">
            <v>0</v>
          </cell>
          <cell r="V179">
            <v>0</v>
          </cell>
          <cell r="W179">
            <v>0</v>
          </cell>
        </row>
        <row r="180">
          <cell r="G180">
            <v>0</v>
          </cell>
          <cell r="H180">
            <v>0</v>
          </cell>
          <cell r="I180">
            <v>0</v>
          </cell>
          <cell r="J180">
            <v>0</v>
          </cell>
          <cell r="K180">
            <v>0</v>
          </cell>
          <cell r="L180">
            <v>0</v>
          </cell>
          <cell r="M180">
            <v>0</v>
          </cell>
          <cell r="N180">
            <v>0</v>
          </cell>
          <cell r="O180">
            <v>0</v>
          </cell>
          <cell r="P180">
            <v>0</v>
          </cell>
          <cell r="Q180">
            <v>0</v>
          </cell>
          <cell r="R180">
            <v>0</v>
          </cell>
          <cell r="S180">
            <v>0</v>
          </cell>
          <cell r="T180">
            <v>0</v>
          </cell>
          <cell r="U180">
            <v>0</v>
          </cell>
          <cell r="V180">
            <v>0</v>
          </cell>
          <cell r="W180">
            <v>0</v>
          </cell>
        </row>
        <row r="181">
          <cell r="G181">
            <v>0</v>
          </cell>
          <cell r="H181">
            <v>0</v>
          </cell>
          <cell r="I181">
            <v>0</v>
          </cell>
          <cell r="J181">
            <v>0</v>
          </cell>
          <cell r="K181">
            <v>0</v>
          </cell>
          <cell r="L181">
            <v>0</v>
          </cell>
          <cell r="M181">
            <v>0</v>
          </cell>
          <cell r="N181">
            <v>0</v>
          </cell>
          <cell r="O181">
            <v>0</v>
          </cell>
          <cell r="P181">
            <v>0</v>
          </cell>
          <cell r="Q181">
            <v>0</v>
          </cell>
          <cell r="R181">
            <v>0</v>
          </cell>
          <cell r="S181">
            <v>0</v>
          </cell>
          <cell r="T181">
            <v>0</v>
          </cell>
          <cell r="U181">
            <v>0</v>
          </cell>
          <cell r="V181">
            <v>0</v>
          </cell>
          <cell r="W181">
            <v>0</v>
          </cell>
        </row>
        <row r="182">
          <cell r="A182" t="str">
            <v>Val_GP_%C</v>
          </cell>
          <cell r="G182">
            <v>3.5634479664793128E-3</v>
          </cell>
          <cell r="H182">
            <v>3.7421830460033097E-3</v>
          </cell>
          <cell r="I182">
            <v>3.6528155062413113E-3</v>
          </cell>
          <cell r="J182">
            <v>3.6528155062413113E-3</v>
          </cell>
          <cell r="K182">
            <v>3.6528155062413113E-3</v>
          </cell>
          <cell r="L182">
            <v>3.6528155062413113E-3</v>
          </cell>
          <cell r="M182">
            <v>3.6528155062413113E-3</v>
          </cell>
          <cell r="N182">
            <v>3.6528155062413113E-3</v>
          </cell>
          <cell r="O182">
            <v>3.6528155062413113E-3</v>
          </cell>
          <cell r="P182">
            <v>3.6528155062413113E-3</v>
          </cell>
          <cell r="Q182">
            <v>3.6528155062413113E-3</v>
          </cell>
          <cell r="R182">
            <v>3.6528155062413113E-3</v>
          </cell>
          <cell r="S182">
            <v>3.6528155062413113E-3</v>
          </cell>
          <cell r="T182">
            <v>3.6528155062413113E-3</v>
          </cell>
          <cell r="U182">
            <v>3.6528155062413113E-3</v>
          </cell>
          <cell r="V182">
            <v>3.6528155062413113E-3</v>
          </cell>
          <cell r="W182">
            <v>3.6528155062413113E-3</v>
          </cell>
          <cell r="Y182">
            <v>0</v>
          </cell>
          <cell r="Z182">
            <v>0</v>
          </cell>
        </row>
        <row r="183">
          <cell r="A183" t="str">
            <v>Pre_GP_%C</v>
          </cell>
          <cell r="G183">
            <v>3.6543064873027077E-3</v>
          </cell>
          <cell r="H183">
            <v>3.8183610508158786E-3</v>
          </cell>
          <cell r="I183">
            <v>3.7363337690592933E-3</v>
          </cell>
          <cell r="J183">
            <v>3.7363337690592933E-3</v>
          </cell>
          <cell r="K183">
            <v>3.7363337690592933E-3</v>
          </cell>
          <cell r="L183">
            <v>3.7363337690592933E-3</v>
          </cell>
          <cell r="M183">
            <v>3.7363337690592933E-3</v>
          </cell>
          <cell r="N183">
            <v>3.7363337690592933E-3</v>
          </cell>
          <cell r="O183">
            <v>3.7363337690592933E-3</v>
          </cell>
          <cell r="P183">
            <v>3.7363337690592933E-3</v>
          </cell>
          <cell r="Q183">
            <v>3.7363337690592933E-3</v>
          </cell>
          <cell r="R183">
            <v>3.7363337690592933E-3</v>
          </cell>
          <cell r="S183">
            <v>3.7363337690592933E-3</v>
          </cell>
          <cell r="T183">
            <v>3.7363337690592933E-3</v>
          </cell>
          <cell r="U183">
            <v>3.7363337690592933E-3</v>
          </cell>
          <cell r="V183">
            <v>3.7363337690592933E-3</v>
          </cell>
          <cell r="W183">
            <v>3.7363337690592933E-3</v>
          </cell>
        </row>
        <row r="184">
          <cell r="A184" t="str">
            <v>Sma_GP_%C</v>
          </cell>
          <cell r="G184">
            <v>5.041870005516552E-3</v>
          </cell>
          <cell r="H184">
            <v>3.161263513581306E-3</v>
          </cell>
          <cell r="I184">
            <v>4.101566759548929E-3</v>
          </cell>
          <cell r="J184">
            <v>4.101566759548929E-3</v>
          </cell>
          <cell r="K184">
            <v>4.101566759548929E-3</v>
          </cell>
          <cell r="L184">
            <v>4.101566759548929E-3</v>
          </cell>
          <cell r="M184">
            <v>4.101566759548929E-3</v>
          </cell>
          <cell r="N184">
            <v>4.101566759548929E-3</v>
          </cell>
          <cell r="O184">
            <v>4.101566759548929E-3</v>
          </cell>
          <cell r="P184">
            <v>4.101566759548929E-3</v>
          </cell>
          <cell r="Q184">
            <v>4.101566759548929E-3</v>
          </cell>
          <cell r="R184">
            <v>4.101566759548929E-3</v>
          </cell>
          <cell r="S184">
            <v>4.101566759548929E-3</v>
          </cell>
          <cell r="T184">
            <v>4.101566759548929E-3</v>
          </cell>
          <cell r="U184">
            <v>4.101566759548929E-3</v>
          </cell>
          <cell r="V184">
            <v>4.101566759548929E-3</v>
          </cell>
          <cell r="W184">
            <v>4.101566759548929E-3</v>
          </cell>
        </row>
        <row r="185">
          <cell r="A185" t="str">
            <v>Pri_GP_%C</v>
          </cell>
          <cell r="G185">
            <v>3.4450753293875898E-3</v>
          </cell>
          <cell r="H185">
            <v>3.7267116620461503E-3</v>
          </cell>
          <cell r="I185">
            <v>3.58589349571687E-3</v>
          </cell>
          <cell r="J185">
            <v>3.58589349571687E-3</v>
          </cell>
          <cell r="K185">
            <v>3.58589349571687E-3</v>
          </cell>
          <cell r="L185">
            <v>3.58589349571687E-3</v>
          </cell>
          <cell r="M185">
            <v>3.58589349571687E-3</v>
          </cell>
          <cell r="N185">
            <v>3.58589349571687E-3</v>
          </cell>
          <cell r="O185">
            <v>3.58589349571687E-3</v>
          </cell>
          <cell r="P185">
            <v>3.58589349571687E-3</v>
          </cell>
          <cell r="Q185">
            <v>3.58589349571687E-3</v>
          </cell>
          <cell r="R185">
            <v>3.58589349571687E-3</v>
          </cell>
          <cell r="S185">
            <v>3.58589349571687E-3</v>
          </cell>
          <cell r="T185">
            <v>3.58589349571687E-3</v>
          </cell>
          <cell r="U185">
            <v>3.58589349571687E-3</v>
          </cell>
          <cell r="V185">
            <v>3.58589349571687E-3</v>
          </cell>
          <cell r="W185">
            <v>3.58589349571687E-3</v>
          </cell>
        </row>
        <row r="186">
          <cell r="A186" t="str">
            <v>Fam_GP_%C</v>
          </cell>
          <cell r="G186">
            <v>2.5359380014038477E-3</v>
          </cell>
          <cell r="H186">
            <v>2.6428389606613649E-3</v>
          </cell>
          <cell r="I186">
            <v>2.5893884810326063E-3</v>
          </cell>
          <cell r="J186">
            <v>2.5893884810326063E-3</v>
          </cell>
          <cell r="K186">
            <v>2.5893884810326063E-3</v>
          </cell>
          <cell r="L186">
            <v>2.5893884810326063E-3</v>
          </cell>
          <cell r="M186">
            <v>2.5893884810326063E-3</v>
          </cell>
          <cell r="N186">
            <v>2.5893884810326063E-3</v>
          </cell>
          <cell r="O186">
            <v>2.5893884810326063E-3</v>
          </cell>
          <cell r="P186">
            <v>2.5893884810326063E-3</v>
          </cell>
          <cell r="Q186">
            <v>2.5893884810326063E-3</v>
          </cell>
          <cell r="R186">
            <v>2.5893884810326063E-3</v>
          </cell>
          <cell r="S186">
            <v>2.5893884810326063E-3</v>
          </cell>
          <cell r="T186">
            <v>2.5893884810326063E-3</v>
          </cell>
          <cell r="U186">
            <v>2.5893884810326063E-3</v>
          </cell>
          <cell r="V186">
            <v>2.5893884810326063E-3</v>
          </cell>
          <cell r="W186">
            <v>2.5893884810326063E-3</v>
          </cell>
        </row>
        <row r="187">
          <cell r="A187" t="str">
            <v>PMI_GP_%C</v>
          </cell>
          <cell r="G187">
            <v>3.1832053565740925E-3</v>
          </cell>
          <cell r="H187">
            <v>2.5214753343799461E-3</v>
          </cell>
          <cell r="I187">
            <v>2.8523403454770195E-3</v>
          </cell>
          <cell r="J187">
            <v>2.8523403454770195E-3</v>
          </cell>
          <cell r="K187">
            <v>2.8523403454770195E-3</v>
          </cell>
          <cell r="L187">
            <v>2.8523403454770195E-3</v>
          </cell>
          <cell r="M187">
            <v>2.8523403454770195E-3</v>
          </cell>
          <cell r="N187">
            <v>2.8523403454770195E-3</v>
          </cell>
          <cell r="O187">
            <v>2.8523403454770195E-3</v>
          </cell>
          <cell r="P187">
            <v>2.8523403454770195E-3</v>
          </cell>
          <cell r="Q187">
            <v>2.8523403454770195E-3</v>
          </cell>
          <cell r="R187">
            <v>2.8523403454770195E-3</v>
          </cell>
          <cell r="S187">
            <v>2.8523403454770195E-3</v>
          </cell>
          <cell r="T187">
            <v>2.8523403454770195E-3</v>
          </cell>
          <cell r="U187">
            <v>2.8523403454770195E-3</v>
          </cell>
          <cell r="V187">
            <v>2.8523403454770195E-3</v>
          </cell>
          <cell r="W187">
            <v>2.8523403454770195E-3</v>
          </cell>
        </row>
        <row r="188">
          <cell r="A188" t="str">
            <v>ENT_GP_%C</v>
          </cell>
          <cell r="G188">
            <v>1.0727171674395784E-3</v>
          </cell>
          <cell r="H188">
            <v>1.0607000449890025E-3</v>
          </cell>
          <cell r="I188">
            <v>1.0667086062142906E-3</v>
          </cell>
          <cell r="J188">
            <v>1.0667086062142906E-3</v>
          </cell>
          <cell r="K188">
            <v>1.0667086062142906E-3</v>
          </cell>
          <cell r="L188">
            <v>1.0667086062142906E-3</v>
          </cell>
          <cell r="M188">
            <v>1.0667086062142906E-3</v>
          </cell>
          <cell r="N188">
            <v>1.0667086062142906E-3</v>
          </cell>
          <cell r="O188">
            <v>1.0667086062142906E-3</v>
          </cell>
          <cell r="P188">
            <v>1.0667086062142906E-3</v>
          </cell>
          <cell r="Q188">
            <v>1.0667086062142906E-3</v>
          </cell>
          <cell r="R188">
            <v>1.0667086062142906E-3</v>
          </cell>
          <cell r="S188">
            <v>1.0667086062142906E-3</v>
          </cell>
          <cell r="T188">
            <v>1.0667086062142906E-3</v>
          </cell>
          <cell r="U188">
            <v>1.0667086062142906E-3</v>
          </cell>
          <cell r="V188">
            <v>1.0667086062142906E-3</v>
          </cell>
          <cell r="W188">
            <v>1.0667086062142906E-3</v>
          </cell>
        </row>
        <row r="189">
          <cell r="A189" t="str">
            <v>Cor_GP_%C</v>
          </cell>
          <cell r="G189">
            <v>0</v>
          </cell>
          <cell r="H189">
            <v>0</v>
          </cell>
          <cell r="I189">
            <v>0</v>
          </cell>
          <cell r="J189">
            <v>0</v>
          </cell>
          <cell r="K189">
            <v>0</v>
          </cell>
          <cell r="L189">
            <v>0</v>
          </cell>
          <cell r="M189">
            <v>0</v>
          </cell>
          <cell r="N189">
            <v>0</v>
          </cell>
          <cell r="O189">
            <v>0</v>
          </cell>
          <cell r="P189">
            <v>0</v>
          </cell>
          <cell r="Q189">
            <v>0</v>
          </cell>
          <cell r="R189">
            <v>0</v>
          </cell>
          <cell r="S189">
            <v>0</v>
          </cell>
          <cell r="T189">
            <v>0</v>
          </cell>
          <cell r="U189">
            <v>0</v>
          </cell>
          <cell r="V189">
            <v>0</v>
          </cell>
          <cell r="W189">
            <v>0</v>
          </cell>
        </row>
        <row r="190">
          <cell r="A190" t="str">
            <v>Gra_GP_%C</v>
          </cell>
          <cell r="G190">
            <v>0</v>
          </cell>
          <cell r="H190">
            <v>0</v>
          </cell>
          <cell r="I190">
            <v>0</v>
          </cell>
          <cell r="J190">
            <v>0</v>
          </cell>
          <cell r="K190">
            <v>0</v>
          </cell>
          <cell r="L190">
            <v>0</v>
          </cell>
          <cell r="M190">
            <v>0</v>
          </cell>
          <cell r="N190">
            <v>0</v>
          </cell>
          <cell r="O190">
            <v>0</v>
          </cell>
          <cell r="P190">
            <v>0</v>
          </cell>
          <cell r="Q190">
            <v>0</v>
          </cell>
          <cell r="R190">
            <v>0</v>
          </cell>
          <cell r="S190">
            <v>0</v>
          </cell>
          <cell r="T190">
            <v>0</v>
          </cell>
          <cell r="U190">
            <v>0</v>
          </cell>
          <cell r="V190">
            <v>0</v>
          </cell>
          <cell r="W190">
            <v>0</v>
          </cell>
        </row>
        <row r="191">
          <cell r="A191" t="str">
            <v>FEX_GP_%C</v>
          </cell>
          <cell r="G191">
            <v>0</v>
          </cell>
          <cell r="H191">
            <v>0</v>
          </cell>
          <cell r="I191">
            <v>0</v>
          </cell>
          <cell r="J191">
            <v>0</v>
          </cell>
          <cell r="K191">
            <v>0</v>
          </cell>
          <cell r="L191">
            <v>0</v>
          </cell>
          <cell r="M191">
            <v>0</v>
          </cell>
          <cell r="N191">
            <v>0</v>
          </cell>
          <cell r="O191">
            <v>0</v>
          </cell>
          <cell r="P191">
            <v>0</v>
          </cell>
          <cell r="Q191">
            <v>0</v>
          </cell>
          <cell r="R191">
            <v>0</v>
          </cell>
          <cell r="S191">
            <v>0</v>
          </cell>
          <cell r="T191">
            <v>0</v>
          </cell>
          <cell r="U191">
            <v>0</v>
          </cell>
          <cell r="V191">
            <v>0</v>
          </cell>
          <cell r="W191">
            <v>0</v>
          </cell>
        </row>
        <row r="192">
          <cell r="A192" t="str">
            <v>MCL_GP_%C</v>
          </cell>
          <cell r="G192">
            <v>0</v>
          </cell>
          <cell r="H192">
            <v>0</v>
          </cell>
          <cell r="I192">
            <v>0</v>
          </cell>
          <cell r="J192">
            <v>0</v>
          </cell>
          <cell r="K192">
            <v>0</v>
          </cell>
          <cell r="L192">
            <v>0</v>
          </cell>
          <cell r="M192">
            <v>0</v>
          </cell>
          <cell r="N192">
            <v>0</v>
          </cell>
          <cell r="O192">
            <v>0</v>
          </cell>
          <cell r="P192">
            <v>0</v>
          </cell>
          <cell r="Q192">
            <v>0</v>
          </cell>
          <cell r="R192">
            <v>0</v>
          </cell>
          <cell r="S192">
            <v>0</v>
          </cell>
          <cell r="T192">
            <v>0</v>
          </cell>
          <cell r="U192">
            <v>0</v>
          </cell>
          <cell r="V192">
            <v>0</v>
          </cell>
          <cell r="W192">
            <v>0</v>
          </cell>
        </row>
        <row r="193">
          <cell r="A193" t="str">
            <v>MCG_GP_%C</v>
          </cell>
          <cell r="G193">
            <v>0</v>
          </cell>
          <cell r="H193">
            <v>0</v>
          </cell>
          <cell r="I193">
            <v>0</v>
          </cell>
          <cell r="J193">
            <v>0</v>
          </cell>
          <cell r="K193">
            <v>0</v>
          </cell>
          <cell r="L193">
            <v>0</v>
          </cell>
          <cell r="M193">
            <v>0</v>
          </cell>
          <cell r="N193">
            <v>0</v>
          </cell>
          <cell r="O193">
            <v>0</v>
          </cell>
          <cell r="P193">
            <v>0</v>
          </cell>
          <cell r="Q193">
            <v>0</v>
          </cell>
          <cell r="R193">
            <v>0</v>
          </cell>
          <cell r="S193">
            <v>0</v>
          </cell>
          <cell r="T193">
            <v>0</v>
          </cell>
          <cell r="U193">
            <v>0</v>
          </cell>
          <cell r="V193">
            <v>0</v>
          </cell>
          <cell r="W193">
            <v>0</v>
          </cell>
        </row>
        <row r="194">
          <cell r="A194" t="str">
            <v>MLE_GP_%C</v>
          </cell>
          <cell r="G194">
            <v>0</v>
          </cell>
          <cell r="H194">
            <v>0</v>
          </cell>
          <cell r="I194">
            <v>0</v>
          </cell>
          <cell r="J194">
            <v>0</v>
          </cell>
          <cell r="K194">
            <v>0</v>
          </cell>
          <cell r="L194">
            <v>0</v>
          </cell>
          <cell r="M194">
            <v>0</v>
          </cell>
          <cell r="N194">
            <v>0</v>
          </cell>
          <cell r="O194">
            <v>0</v>
          </cell>
          <cell r="P194">
            <v>0</v>
          </cell>
          <cell r="Q194">
            <v>0</v>
          </cell>
          <cell r="R194">
            <v>0</v>
          </cell>
          <cell r="S194">
            <v>0</v>
          </cell>
          <cell r="T194">
            <v>0</v>
          </cell>
          <cell r="U194">
            <v>0</v>
          </cell>
          <cell r="V194">
            <v>0</v>
          </cell>
          <cell r="W194">
            <v>0</v>
          </cell>
        </row>
        <row r="195">
          <cell r="A195" t="str">
            <v>MFA_GP_%C</v>
          </cell>
          <cell r="G195">
            <v>0</v>
          </cell>
          <cell r="H195">
            <v>0</v>
          </cell>
          <cell r="I195">
            <v>0</v>
          </cell>
          <cell r="J195">
            <v>0</v>
          </cell>
          <cell r="K195">
            <v>0</v>
          </cell>
          <cell r="L195">
            <v>0</v>
          </cell>
          <cell r="M195">
            <v>0</v>
          </cell>
          <cell r="N195">
            <v>0</v>
          </cell>
          <cell r="O195">
            <v>0</v>
          </cell>
          <cell r="P195">
            <v>0</v>
          </cell>
          <cell r="Q195">
            <v>0</v>
          </cell>
          <cell r="R195">
            <v>0</v>
          </cell>
          <cell r="S195">
            <v>0</v>
          </cell>
          <cell r="T195">
            <v>0</v>
          </cell>
          <cell r="U195">
            <v>0</v>
          </cell>
          <cell r="V195">
            <v>0</v>
          </cell>
          <cell r="W195">
            <v>0</v>
          </cell>
        </row>
        <row r="196">
          <cell r="A196" t="str">
            <v>MBQ_GP_%C</v>
          </cell>
          <cell r="G196">
            <v>0</v>
          </cell>
          <cell r="H196">
            <v>0</v>
          </cell>
          <cell r="I196">
            <v>0</v>
          </cell>
          <cell r="J196">
            <v>0</v>
          </cell>
          <cell r="K196">
            <v>0</v>
          </cell>
          <cell r="L196">
            <v>0</v>
          </cell>
          <cell r="M196">
            <v>0</v>
          </cell>
          <cell r="N196">
            <v>0</v>
          </cell>
          <cell r="O196">
            <v>0</v>
          </cell>
          <cell r="P196">
            <v>0</v>
          </cell>
          <cell r="Q196">
            <v>0</v>
          </cell>
          <cell r="R196">
            <v>0</v>
          </cell>
          <cell r="S196">
            <v>0</v>
          </cell>
          <cell r="T196">
            <v>0</v>
          </cell>
          <cell r="U196">
            <v>0</v>
          </cell>
          <cell r="V196">
            <v>0</v>
          </cell>
          <cell r="W196">
            <v>0</v>
          </cell>
        </row>
        <row r="197">
          <cell r="A197" t="str">
            <v>MBG_GP_%C</v>
          </cell>
          <cell r="G197">
            <v>0</v>
          </cell>
          <cell r="H197">
            <v>0</v>
          </cell>
          <cell r="I197">
            <v>0</v>
          </cell>
          <cell r="J197">
            <v>0</v>
          </cell>
          <cell r="K197">
            <v>0</v>
          </cell>
          <cell r="L197">
            <v>0</v>
          </cell>
          <cell r="M197">
            <v>0</v>
          </cell>
          <cell r="N197">
            <v>0</v>
          </cell>
          <cell r="O197">
            <v>0</v>
          </cell>
          <cell r="P197">
            <v>0</v>
          </cell>
          <cell r="Q197">
            <v>0</v>
          </cell>
          <cell r="R197">
            <v>0</v>
          </cell>
          <cell r="S197">
            <v>0</v>
          </cell>
          <cell r="T197">
            <v>0</v>
          </cell>
          <cell r="U197">
            <v>0</v>
          </cell>
          <cell r="V197">
            <v>0</v>
          </cell>
          <cell r="W197">
            <v>0</v>
          </cell>
        </row>
        <row r="198">
          <cell r="A198" t="str">
            <v>WID_GP_%C</v>
          </cell>
          <cell r="G198">
            <v>4.2088445487957439E-3</v>
          </cell>
          <cell r="H198">
            <v>4.1731635204093898E-3</v>
          </cell>
          <cell r="I198">
            <v>4.1910040346025672E-3</v>
          </cell>
          <cell r="J198">
            <v>4.1910040346025672E-3</v>
          </cell>
          <cell r="K198">
            <v>4.1910040346025672E-3</v>
          </cell>
          <cell r="L198">
            <v>4.1910040346025672E-3</v>
          </cell>
          <cell r="M198">
            <v>4.1910040346025672E-3</v>
          </cell>
          <cell r="N198">
            <v>4.1910040346025672E-3</v>
          </cell>
          <cell r="O198">
            <v>4.1910040346025672E-3</v>
          </cell>
          <cell r="P198">
            <v>4.1910040346025672E-3</v>
          </cell>
          <cell r="Q198">
            <v>4.1910040346025672E-3</v>
          </cell>
          <cell r="R198">
            <v>4.1910040346025672E-3</v>
          </cell>
          <cell r="S198">
            <v>4.1910040346025672E-3</v>
          </cell>
          <cell r="T198">
            <v>4.1910040346025672E-3</v>
          </cell>
          <cell r="U198">
            <v>4.1910040346025672E-3</v>
          </cell>
          <cell r="V198">
            <v>4.1910040346025672E-3</v>
          </cell>
          <cell r="W198">
            <v>4.1910040346025672E-3</v>
          </cell>
        </row>
        <row r="199">
          <cell r="A199" t="str">
            <v>FIN_GP_%C</v>
          </cell>
          <cell r="G199">
            <v>0</v>
          </cell>
          <cell r="H199">
            <v>0</v>
          </cell>
          <cell r="I199">
            <v>0</v>
          </cell>
          <cell r="J199">
            <v>0</v>
          </cell>
          <cell r="K199">
            <v>0</v>
          </cell>
          <cell r="L199">
            <v>0</v>
          </cell>
          <cell r="M199">
            <v>0</v>
          </cell>
          <cell r="N199">
            <v>0</v>
          </cell>
          <cell r="O199">
            <v>0</v>
          </cell>
          <cell r="P199">
            <v>0</v>
          </cell>
          <cell r="Q199">
            <v>0</v>
          </cell>
          <cell r="R199">
            <v>0</v>
          </cell>
          <cell r="S199">
            <v>0</v>
          </cell>
          <cell r="T199">
            <v>0</v>
          </cell>
          <cell r="U199">
            <v>0</v>
          </cell>
          <cell r="V199">
            <v>0</v>
          </cell>
          <cell r="W199">
            <v>0</v>
          </cell>
        </row>
        <row r="200">
          <cell r="A200" t="str">
            <v>ALM_GP_%C</v>
          </cell>
          <cell r="G200">
            <v>0</v>
          </cell>
          <cell r="H200">
            <v>0</v>
          </cell>
          <cell r="I200">
            <v>0</v>
          </cell>
          <cell r="J200">
            <v>0</v>
          </cell>
          <cell r="K200">
            <v>0</v>
          </cell>
          <cell r="L200">
            <v>0</v>
          </cell>
          <cell r="M200">
            <v>0</v>
          </cell>
          <cell r="N200">
            <v>0</v>
          </cell>
          <cell r="O200">
            <v>0</v>
          </cell>
          <cell r="P200">
            <v>0</v>
          </cell>
          <cell r="Q200">
            <v>0</v>
          </cell>
          <cell r="R200">
            <v>0</v>
          </cell>
          <cell r="S200">
            <v>0</v>
          </cell>
          <cell r="T200">
            <v>0</v>
          </cell>
          <cell r="U200">
            <v>0</v>
          </cell>
          <cell r="V200">
            <v>0</v>
          </cell>
          <cell r="W200">
            <v>0</v>
          </cell>
        </row>
        <row r="201">
          <cell r="A201" t="str">
            <v>FUO_GP_%C</v>
          </cell>
          <cell r="G201">
            <v>0</v>
          </cell>
          <cell r="H201">
            <v>0</v>
          </cell>
          <cell r="I201">
            <v>0</v>
          </cell>
          <cell r="J201">
            <v>0</v>
          </cell>
          <cell r="K201">
            <v>0</v>
          </cell>
          <cell r="L201">
            <v>0</v>
          </cell>
          <cell r="M201">
            <v>0</v>
          </cell>
          <cell r="N201">
            <v>0</v>
          </cell>
          <cell r="O201">
            <v>0</v>
          </cell>
          <cell r="P201">
            <v>0</v>
          </cell>
          <cell r="Q201">
            <v>0</v>
          </cell>
          <cell r="R201">
            <v>0</v>
          </cell>
          <cell r="S201">
            <v>0</v>
          </cell>
          <cell r="T201">
            <v>0</v>
          </cell>
          <cell r="U201">
            <v>0</v>
          </cell>
          <cell r="V201">
            <v>0</v>
          </cell>
          <cell r="W201">
            <v>0</v>
          </cell>
        </row>
        <row r="202">
          <cell r="A202" t="str">
            <v>XXX_GP_%C</v>
          </cell>
          <cell r="G202">
            <v>0</v>
          </cell>
          <cell r="H202">
            <v>0</v>
          </cell>
          <cell r="I202">
            <v>0</v>
          </cell>
          <cell r="J202">
            <v>0</v>
          </cell>
          <cell r="K202">
            <v>0</v>
          </cell>
          <cell r="L202">
            <v>0</v>
          </cell>
          <cell r="M202">
            <v>0</v>
          </cell>
          <cell r="N202">
            <v>0</v>
          </cell>
          <cell r="O202">
            <v>0</v>
          </cell>
          <cell r="P202">
            <v>0</v>
          </cell>
          <cell r="Q202">
            <v>0</v>
          </cell>
          <cell r="R202">
            <v>0</v>
          </cell>
          <cell r="S202">
            <v>0</v>
          </cell>
          <cell r="T202">
            <v>0</v>
          </cell>
          <cell r="U202">
            <v>0</v>
          </cell>
          <cell r="V202">
            <v>0</v>
          </cell>
          <cell r="W202">
            <v>0</v>
          </cell>
        </row>
        <row r="203">
          <cell r="G203">
            <v>0</v>
          </cell>
          <cell r="H203">
            <v>0</v>
          </cell>
          <cell r="I203">
            <v>0</v>
          </cell>
          <cell r="J203">
            <v>0</v>
          </cell>
          <cell r="K203">
            <v>0</v>
          </cell>
          <cell r="L203">
            <v>0</v>
          </cell>
          <cell r="M203">
            <v>0</v>
          </cell>
          <cell r="N203">
            <v>0</v>
          </cell>
          <cell r="O203">
            <v>0</v>
          </cell>
          <cell r="P203">
            <v>0</v>
          </cell>
          <cell r="Q203">
            <v>0</v>
          </cell>
          <cell r="R203">
            <v>0</v>
          </cell>
          <cell r="S203">
            <v>0</v>
          </cell>
          <cell r="T203">
            <v>0</v>
          </cell>
          <cell r="U203">
            <v>0</v>
          </cell>
          <cell r="V203">
            <v>0</v>
          </cell>
          <cell r="W203">
            <v>0</v>
          </cell>
        </row>
        <row r="204">
          <cell r="A204" t="str">
            <v>Val_Fondi_%C</v>
          </cell>
          <cell r="G204">
            <v>1.485058447449235E-3</v>
          </cell>
          <cell r="H204">
            <v>1.4471671564465262E-3</v>
          </cell>
          <cell r="I204">
            <v>1.4661128019478806E-3</v>
          </cell>
          <cell r="J204">
            <v>1.4661128019478806E-3</v>
          </cell>
          <cell r="K204">
            <v>1.4661128019478806E-3</v>
          </cell>
          <cell r="L204">
            <v>1.4661128019478806E-3</v>
          </cell>
          <cell r="M204">
            <v>1.4661128019478806E-3</v>
          </cell>
          <cell r="N204">
            <v>1.4661128019478806E-3</v>
          </cell>
          <cell r="O204">
            <v>1.4661128019478806E-3</v>
          </cell>
          <cell r="P204">
            <v>1.4661128019478806E-3</v>
          </cell>
          <cell r="Q204">
            <v>1.4661128019478806E-3</v>
          </cell>
          <cell r="R204">
            <v>1.4661128019478806E-3</v>
          </cell>
          <cell r="S204">
            <v>1.4661128019478806E-3</v>
          </cell>
          <cell r="T204">
            <v>1.4661128019478806E-3</v>
          </cell>
          <cell r="U204">
            <v>1.4661128019478806E-3</v>
          </cell>
          <cell r="V204">
            <v>1.4661128019478806E-3</v>
          </cell>
          <cell r="W204">
            <v>1.4661128019478806E-3</v>
          </cell>
          <cell r="Y204">
            <v>0</v>
          </cell>
          <cell r="Z204">
            <v>0</v>
          </cell>
        </row>
        <row r="205">
          <cell r="A205" t="str">
            <v>Pre_Fondi_%C</v>
          </cell>
          <cell r="G205">
            <v>1.2854798281642875E-3</v>
          </cell>
          <cell r="H205">
            <v>1.3098624311431426E-3</v>
          </cell>
          <cell r="I205">
            <v>1.2976711296537151E-3</v>
          </cell>
          <cell r="J205">
            <v>1.2976711296537151E-3</v>
          </cell>
          <cell r="K205">
            <v>1.2976711296537151E-3</v>
          </cell>
          <cell r="L205">
            <v>1.2976711296537151E-3</v>
          </cell>
          <cell r="M205">
            <v>1.2976711296537151E-3</v>
          </cell>
          <cell r="N205">
            <v>1.2976711296537151E-3</v>
          </cell>
          <cell r="O205">
            <v>1.2976711296537151E-3</v>
          </cell>
          <cell r="P205">
            <v>1.2976711296537151E-3</v>
          </cell>
          <cell r="Q205">
            <v>1.2976711296537151E-3</v>
          </cell>
          <cell r="R205">
            <v>1.2976711296537151E-3</v>
          </cell>
          <cell r="S205">
            <v>1.2976711296537151E-3</v>
          </cell>
          <cell r="T205">
            <v>1.2976711296537151E-3</v>
          </cell>
          <cell r="U205">
            <v>1.2976711296537151E-3</v>
          </cell>
          <cell r="V205">
            <v>1.2976711296537151E-3</v>
          </cell>
          <cell r="W205">
            <v>1.2976711296537151E-3</v>
          </cell>
        </row>
        <row r="206">
          <cell r="A206" t="str">
            <v>Sma_Fondi_%C</v>
          </cell>
          <cell r="G206">
            <v>1.5809572653849595E-3</v>
          </cell>
          <cell r="H206">
            <v>1.5054502376282801E-3</v>
          </cell>
          <cell r="I206">
            <v>1.5432037515066199E-3</v>
          </cell>
          <cell r="J206">
            <v>1.5432037515066199E-3</v>
          </cell>
          <cell r="K206">
            <v>1.5432037515066199E-3</v>
          </cell>
          <cell r="L206">
            <v>1.5432037515066199E-3</v>
          </cell>
          <cell r="M206">
            <v>1.5432037515066199E-3</v>
          </cell>
          <cell r="N206">
            <v>1.5432037515066199E-3</v>
          </cell>
          <cell r="O206">
            <v>1.5432037515066199E-3</v>
          </cell>
          <cell r="P206">
            <v>1.5432037515066199E-3</v>
          </cell>
          <cell r="Q206">
            <v>1.5432037515066199E-3</v>
          </cell>
          <cell r="R206">
            <v>1.5432037515066199E-3</v>
          </cell>
          <cell r="S206">
            <v>1.5432037515066199E-3</v>
          </cell>
          <cell r="T206">
            <v>1.5432037515066199E-3</v>
          </cell>
          <cell r="U206">
            <v>1.5432037515066199E-3</v>
          </cell>
          <cell r="V206">
            <v>1.5432037515066199E-3</v>
          </cell>
          <cell r="W206">
            <v>1.5432037515066199E-3</v>
          </cell>
        </row>
        <row r="207">
          <cell r="A207" t="str">
            <v>Pri_Fondi_%C</v>
          </cell>
          <cell r="G207">
            <v>2.0783856582335812E-3</v>
          </cell>
          <cell r="H207">
            <v>1.9678378044908507E-3</v>
          </cell>
          <cell r="I207">
            <v>2.0231117313622158E-3</v>
          </cell>
          <cell r="J207">
            <v>2.0231117313622158E-3</v>
          </cell>
          <cell r="K207">
            <v>2.0231117313622158E-3</v>
          </cell>
          <cell r="L207">
            <v>2.0231117313622158E-3</v>
          </cell>
          <cell r="M207">
            <v>2.0231117313622158E-3</v>
          </cell>
          <cell r="N207">
            <v>2.0231117313622158E-3</v>
          </cell>
          <cell r="O207">
            <v>2.0231117313622158E-3</v>
          </cell>
          <cell r="P207">
            <v>2.0231117313622158E-3</v>
          </cell>
          <cell r="Q207">
            <v>2.0231117313622158E-3</v>
          </cell>
          <cell r="R207">
            <v>2.0231117313622158E-3</v>
          </cell>
          <cell r="S207">
            <v>2.0231117313622158E-3</v>
          </cell>
          <cell r="T207">
            <v>2.0231117313622158E-3</v>
          </cell>
          <cell r="U207">
            <v>2.0231117313622158E-3</v>
          </cell>
          <cell r="V207">
            <v>2.0231117313622158E-3</v>
          </cell>
          <cell r="W207">
            <v>2.0231117313622158E-3</v>
          </cell>
        </row>
        <row r="208">
          <cell r="A208" t="str">
            <v>Fam_Fondi_%C</v>
          </cell>
          <cell r="G208">
            <v>1.9703327414077165E-3</v>
          </cell>
          <cell r="H208">
            <v>1.8876475270826873E-3</v>
          </cell>
          <cell r="I208">
            <v>1.928990134245202E-3</v>
          </cell>
          <cell r="J208">
            <v>1.928990134245202E-3</v>
          </cell>
          <cell r="K208">
            <v>1.928990134245202E-3</v>
          </cell>
          <cell r="L208">
            <v>1.928990134245202E-3</v>
          </cell>
          <cell r="M208">
            <v>1.928990134245202E-3</v>
          </cell>
          <cell r="N208">
            <v>1.928990134245202E-3</v>
          </cell>
          <cell r="O208">
            <v>1.928990134245202E-3</v>
          </cell>
          <cell r="P208">
            <v>1.928990134245202E-3</v>
          </cell>
          <cell r="Q208">
            <v>1.928990134245202E-3</v>
          </cell>
          <cell r="R208">
            <v>1.928990134245202E-3</v>
          </cell>
          <cell r="S208">
            <v>1.928990134245202E-3</v>
          </cell>
          <cell r="T208">
            <v>1.928990134245202E-3</v>
          </cell>
          <cell r="U208">
            <v>1.928990134245202E-3</v>
          </cell>
          <cell r="V208">
            <v>1.928990134245202E-3</v>
          </cell>
          <cell r="W208">
            <v>1.928990134245202E-3</v>
          </cell>
        </row>
        <row r="209">
          <cell r="A209" t="str">
            <v>PMI_Fondi_%C</v>
          </cell>
          <cell r="G209">
            <v>1.2490345165036771E-3</v>
          </cell>
          <cell r="H209">
            <v>1.0961730204486803E-3</v>
          </cell>
          <cell r="I209">
            <v>1.1726037684761787E-3</v>
          </cell>
          <cell r="J209">
            <v>1.1726037684761787E-3</v>
          </cell>
          <cell r="K209">
            <v>1.1726037684761787E-3</v>
          </cell>
          <cell r="L209">
            <v>1.1726037684761787E-3</v>
          </cell>
          <cell r="M209">
            <v>1.1726037684761787E-3</v>
          </cell>
          <cell r="N209">
            <v>1.1726037684761787E-3</v>
          </cell>
          <cell r="O209">
            <v>1.1726037684761787E-3</v>
          </cell>
          <cell r="P209">
            <v>1.1726037684761787E-3</v>
          </cell>
          <cell r="Q209">
            <v>1.1726037684761787E-3</v>
          </cell>
          <cell r="R209">
            <v>1.1726037684761787E-3</v>
          </cell>
          <cell r="S209">
            <v>1.1726037684761787E-3</v>
          </cell>
          <cell r="T209">
            <v>1.1726037684761787E-3</v>
          </cell>
          <cell r="U209">
            <v>1.1726037684761787E-3</v>
          </cell>
          <cell r="V209">
            <v>1.1726037684761787E-3</v>
          </cell>
          <cell r="W209">
            <v>1.1726037684761787E-3</v>
          </cell>
        </row>
        <row r="210">
          <cell r="A210" t="str">
            <v>ENT_Fondi_%C</v>
          </cell>
          <cell r="G210">
            <v>1.7011479869659318E-3</v>
          </cell>
          <cell r="H210">
            <v>1.4497126041116718E-3</v>
          </cell>
          <cell r="I210">
            <v>1.5754302955388018E-3</v>
          </cell>
          <cell r="J210">
            <v>1.5754302955388018E-3</v>
          </cell>
          <cell r="K210">
            <v>1.5754302955388018E-3</v>
          </cell>
          <cell r="L210">
            <v>1.5754302955388018E-3</v>
          </cell>
          <cell r="M210">
            <v>1.5754302955388018E-3</v>
          </cell>
          <cell r="N210">
            <v>1.5754302955388018E-3</v>
          </cell>
          <cell r="O210">
            <v>1.5754302955388018E-3</v>
          </cell>
          <cell r="P210">
            <v>1.5754302955388018E-3</v>
          </cell>
          <cell r="Q210">
            <v>1.5754302955388018E-3</v>
          </cell>
          <cell r="R210">
            <v>1.5754302955388018E-3</v>
          </cell>
          <cell r="S210">
            <v>1.5754302955388018E-3</v>
          </cell>
          <cell r="T210">
            <v>1.5754302955388018E-3</v>
          </cell>
          <cell r="U210">
            <v>1.5754302955388018E-3</v>
          </cell>
          <cell r="V210">
            <v>1.5754302955388018E-3</v>
          </cell>
          <cell r="W210">
            <v>1.5754302955388018E-3</v>
          </cell>
        </row>
        <row r="211">
          <cell r="A211" t="str">
            <v>Cor_Fondi_%C</v>
          </cell>
          <cell r="G211">
            <v>1.63911058835101E-4</v>
          </cell>
          <cell r="H211">
            <v>6.7431714403028955E-4</v>
          </cell>
          <cell r="I211">
            <v>4.191141014326953E-4</v>
          </cell>
          <cell r="J211">
            <v>4.191141014326953E-4</v>
          </cell>
          <cell r="K211">
            <v>4.191141014326953E-4</v>
          </cell>
          <cell r="L211">
            <v>4.191141014326953E-4</v>
          </cell>
          <cell r="M211">
            <v>4.191141014326953E-4</v>
          </cell>
          <cell r="N211">
            <v>4.191141014326953E-4</v>
          </cell>
          <cell r="O211">
            <v>4.191141014326953E-4</v>
          </cell>
          <cell r="P211">
            <v>4.191141014326953E-4</v>
          </cell>
          <cell r="Q211">
            <v>4.191141014326953E-4</v>
          </cell>
          <cell r="R211">
            <v>4.191141014326953E-4</v>
          </cell>
          <cell r="S211">
            <v>4.191141014326953E-4</v>
          </cell>
          <cell r="T211">
            <v>4.191141014326953E-4</v>
          </cell>
          <cell r="U211">
            <v>4.191141014326953E-4</v>
          </cell>
          <cell r="V211">
            <v>4.191141014326953E-4</v>
          </cell>
          <cell r="W211">
            <v>4.191141014326953E-4</v>
          </cell>
        </row>
        <row r="212">
          <cell r="A212" t="str">
            <v>Gra_Fondi_%C</v>
          </cell>
          <cell r="G212">
            <v>1.6986067551781251E-4</v>
          </cell>
          <cell r="H212">
            <v>1.4939736359190442E-4</v>
          </cell>
          <cell r="I212">
            <v>1.5962901955485846E-4</v>
          </cell>
          <cell r="J212">
            <v>1.5962901955485846E-4</v>
          </cell>
          <cell r="K212">
            <v>1.5962901955485846E-4</v>
          </cell>
          <cell r="L212">
            <v>1.5962901955485846E-4</v>
          </cell>
          <cell r="M212">
            <v>1.5962901955485846E-4</v>
          </cell>
          <cell r="N212">
            <v>1.5962901955485846E-4</v>
          </cell>
          <cell r="O212">
            <v>1.5962901955485846E-4</v>
          </cell>
          <cell r="P212">
            <v>1.5962901955485846E-4</v>
          </cell>
          <cell r="Q212">
            <v>1.5962901955485846E-4</v>
          </cell>
          <cell r="R212">
            <v>1.5962901955485846E-4</v>
          </cell>
          <cell r="S212">
            <v>1.5962901955485846E-4</v>
          </cell>
          <cell r="T212">
            <v>1.5962901955485846E-4</v>
          </cell>
          <cell r="U212">
            <v>1.5962901955485846E-4</v>
          </cell>
          <cell r="V212">
            <v>1.5962901955485846E-4</v>
          </cell>
          <cell r="W212">
            <v>1.5962901955485846E-4</v>
          </cell>
        </row>
        <row r="213">
          <cell r="A213" t="str">
            <v>FEX_Fondi_%C</v>
          </cell>
          <cell r="G213">
            <v>0</v>
          </cell>
          <cell r="H213">
            <v>0</v>
          </cell>
          <cell r="I213">
            <v>0</v>
          </cell>
          <cell r="J213">
            <v>0</v>
          </cell>
          <cell r="K213">
            <v>0</v>
          </cell>
          <cell r="L213">
            <v>0</v>
          </cell>
          <cell r="M213">
            <v>0</v>
          </cell>
          <cell r="N213">
            <v>0</v>
          </cell>
          <cell r="O213">
            <v>0</v>
          </cell>
          <cell r="P213">
            <v>0</v>
          </cell>
          <cell r="Q213">
            <v>0</v>
          </cell>
          <cell r="R213">
            <v>0</v>
          </cell>
          <cell r="S213">
            <v>0</v>
          </cell>
          <cell r="T213">
            <v>0</v>
          </cell>
          <cell r="U213">
            <v>0</v>
          </cell>
          <cell r="V213">
            <v>0</v>
          </cell>
          <cell r="W213">
            <v>0</v>
          </cell>
        </row>
        <row r="214">
          <cell r="A214" t="str">
            <v>MCL_Fondi_%C</v>
          </cell>
          <cell r="G214">
            <v>0</v>
          </cell>
          <cell r="H214">
            <v>0</v>
          </cell>
          <cell r="I214">
            <v>0</v>
          </cell>
          <cell r="J214">
            <v>0</v>
          </cell>
          <cell r="K214">
            <v>0</v>
          </cell>
          <cell r="L214">
            <v>0</v>
          </cell>
          <cell r="M214">
            <v>0</v>
          </cell>
          <cell r="N214">
            <v>0</v>
          </cell>
          <cell r="O214">
            <v>0</v>
          </cell>
          <cell r="P214">
            <v>0</v>
          </cell>
          <cell r="Q214">
            <v>0</v>
          </cell>
          <cell r="R214">
            <v>0</v>
          </cell>
          <cell r="S214">
            <v>0</v>
          </cell>
          <cell r="T214">
            <v>0</v>
          </cell>
          <cell r="U214">
            <v>0</v>
          </cell>
          <cell r="V214">
            <v>0</v>
          </cell>
          <cell r="W214">
            <v>0</v>
          </cell>
        </row>
        <row r="215">
          <cell r="A215" t="str">
            <v>MCG_Fondi_%C</v>
          </cell>
          <cell r="G215">
            <v>0</v>
          </cell>
          <cell r="H215">
            <v>0</v>
          </cell>
          <cell r="I215">
            <v>0</v>
          </cell>
          <cell r="J215">
            <v>0</v>
          </cell>
          <cell r="K215">
            <v>0</v>
          </cell>
          <cell r="L215">
            <v>0</v>
          </cell>
          <cell r="M215">
            <v>0</v>
          </cell>
          <cell r="N215">
            <v>0</v>
          </cell>
          <cell r="O215">
            <v>0</v>
          </cell>
          <cell r="P215">
            <v>0</v>
          </cell>
          <cell r="Q215">
            <v>0</v>
          </cell>
          <cell r="R215">
            <v>0</v>
          </cell>
          <cell r="S215">
            <v>0</v>
          </cell>
          <cell r="T215">
            <v>0</v>
          </cell>
          <cell r="U215">
            <v>0</v>
          </cell>
          <cell r="V215">
            <v>0</v>
          </cell>
          <cell r="W215">
            <v>0</v>
          </cell>
        </row>
        <row r="216">
          <cell r="A216" t="str">
            <v>MLE_Fondi_%C</v>
          </cell>
          <cell r="G216">
            <v>0</v>
          </cell>
          <cell r="H216">
            <v>0</v>
          </cell>
          <cell r="I216">
            <v>0</v>
          </cell>
          <cell r="J216">
            <v>0</v>
          </cell>
          <cell r="K216">
            <v>0</v>
          </cell>
          <cell r="L216">
            <v>0</v>
          </cell>
          <cell r="M216">
            <v>0</v>
          </cell>
          <cell r="N216">
            <v>0</v>
          </cell>
          <cell r="O216">
            <v>0</v>
          </cell>
          <cell r="P216">
            <v>0</v>
          </cell>
          <cell r="Q216">
            <v>0</v>
          </cell>
          <cell r="R216">
            <v>0</v>
          </cell>
          <cell r="S216">
            <v>0</v>
          </cell>
          <cell r="T216">
            <v>0</v>
          </cell>
          <cell r="U216">
            <v>0</v>
          </cell>
          <cell r="V216">
            <v>0</v>
          </cell>
          <cell r="W216">
            <v>0</v>
          </cell>
        </row>
        <row r="217">
          <cell r="A217" t="str">
            <v>MFA_Fondi_%C</v>
          </cell>
          <cell r="G217">
            <v>0</v>
          </cell>
          <cell r="H217">
            <v>0</v>
          </cell>
          <cell r="I217">
            <v>0</v>
          </cell>
          <cell r="J217">
            <v>0</v>
          </cell>
          <cell r="K217">
            <v>0</v>
          </cell>
          <cell r="L217">
            <v>0</v>
          </cell>
          <cell r="M217">
            <v>0</v>
          </cell>
          <cell r="N217">
            <v>0</v>
          </cell>
          <cell r="O217">
            <v>0</v>
          </cell>
          <cell r="P217">
            <v>0</v>
          </cell>
          <cell r="Q217">
            <v>0</v>
          </cell>
          <cell r="R217">
            <v>0</v>
          </cell>
          <cell r="S217">
            <v>0</v>
          </cell>
          <cell r="T217">
            <v>0</v>
          </cell>
          <cell r="U217">
            <v>0</v>
          </cell>
          <cell r="V217">
            <v>0</v>
          </cell>
          <cell r="W217">
            <v>0</v>
          </cell>
        </row>
        <row r="218">
          <cell r="A218" t="str">
            <v>MBQ_Fondi_%C</v>
          </cell>
          <cell r="G218">
            <v>0</v>
          </cell>
          <cell r="H218">
            <v>0</v>
          </cell>
          <cell r="I218">
            <v>0</v>
          </cell>
          <cell r="J218">
            <v>0</v>
          </cell>
          <cell r="K218">
            <v>0</v>
          </cell>
          <cell r="L218">
            <v>0</v>
          </cell>
          <cell r="M218">
            <v>0</v>
          </cell>
          <cell r="N218">
            <v>0</v>
          </cell>
          <cell r="O218">
            <v>0</v>
          </cell>
          <cell r="P218">
            <v>0</v>
          </cell>
          <cell r="Q218">
            <v>0</v>
          </cell>
          <cell r="R218">
            <v>0</v>
          </cell>
          <cell r="S218">
            <v>0</v>
          </cell>
          <cell r="T218">
            <v>0</v>
          </cell>
          <cell r="U218">
            <v>0</v>
          </cell>
          <cell r="V218">
            <v>0</v>
          </cell>
          <cell r="W218">
            <v>0</v>
          </cell>
        </row>
        <row r="219">
          <cell r="A219" t="str">
            <v>MBG_Fondi_%C</v>
          </cell>
          <cell r="G219">
            <v>0</v>
          </cell>
          <cell r="H219">
            <v>0</v>
          </cell>
          <cell r="I219">
            <v>0</v>
          </cell>
          <cell r="J219">
            <v>0</v>
          </cell>
          <cell r="K219">
            <v>0</v>
          </cell>
          <cell r="L219">
            <v>0</v>
          </cell>
          <cell r="M219">
            <v>0</v>
          </cell>
          <cell r="N219">
            <v>0</v>
          </cell>
          <cell r="O219">
            <v>0</v>
          </cell>
          <cell r="P219">
            <v>0</v>
          </cell>
          <cell r="Q219">
            <v>0</v>
          </cell>
          <cell r="R219">
            <v>0</v>
          </cell>
          <cell r="S219">
            <v>0</v>
          </cell>
          <cell r="T219">
            <v>0</v>
          </cell>
          <cell r="U219">
            <v>0</v>
          </cell>
          <cell r="V219">
            <v>0</v>
          </cell>
          <cell r="W219">
            <v>0</v>
          </cell>
        </row>
        <row r="220">
          <cell r="A220" t="str">
            <v>WID_Fondi_%C</v>
          </cell>
          <cell r="G220">
            <v>2.8185096213844628E-3</v>
          </cell>
          <cell r="H220">
            <v>2.7586862389357568E-3</v>
          </cell>
          <cell r="I220">
            <v>2.7885979301601098E-3</v>
          </cell>
          <cell r="J220">
            <v>2.7885979301601098E-3</v>
          </cell>
          <cell r="K220">
            <v>2.7885979301601098E-3</v>
          </cell>
          <cell r="L220">
            <v>2.7885979301601098E-3</v>
          </cell>
          <cell r="M220">
            <v>2.7885979301601098E-3</v>
          </cell>
          <cell r="N220">
            <v>2.7885979301601098E-3</v>
          </cell>
          <cell r="O220">
            <v>2.7885979301601098E-3</v>
          </cell>
          <cell r="P220">
            <v>2.7885979301601098E-3</v>
          </cell>
          <cell r="Q220">
            <v>2.7885979301601098E-3</v>
          </cell>
          <cell r="R220">
            <v>2.7885979301601098E-3</v>
          </cell>
          <cell r="S220">
            <v>2.7885979301601098E-3</v>
          </cell>
          <cell r="T220">
            <v>2.7885979301601098E-3</v>
          </cell>
          <cell r="U220">
            <v>2.7885979301601098E-3</v>
          </cell>
          <cell r="V220">
            <v>2.7885979301601098E-3</v>
          </cell>
          <cell r="W220">
            <v>2.7885979301601098E-3</v>
          </cell>
        </row>
        <row r="221">
          <cell r="A221" t="str">
            <v>FIN_Fondi_%C</v>
          </cell>
          <cell r="G221">
            <v>0</v>
          </cell>
          <cell r="H221">
            <v>0</v>
          </cell>
          <cell r="I221">
            <v>0</v>
          </cell>
          <cell r="J221">
            <v>0</v>
          </cell>
          <cell r="K221">
            <v>0</v>
          </cell>
          <cell r="L221">
            <v>0</v>
          </cell>
          <cell r="M221">
            <v>0</v>
          </cell>
          <cell r="N221">
            <v>0</v>
          </cell>
          <cell r="O221">
            <v>0</v>
          </cell>
          <cell r="P221">
            <v>0</v>
          </cell>
          <cell r="Q221">
            <v>0</v>
          </cell>
          <cell r="R221">
            <v>0</v>
          </cell>
          <cell r="S221">
            <v>0</v>
          </cell>
          <cell r="T221">
            <v>0</v>
          </cell>
          <cell r="U221">
            <v>0</v>
          </cell>
          <cell r="V221">
            <v>0</v>
          </cell>
          <cell r="W221">
            <v>0</v>
          </cell>
        </row>
        <row r="222">
          <cell r="A222" t="str">
            <v>ALM_Fondi_%C</v>
          </cell>
          <cell r="G222">
            <v>0</v>
          </cell>
          <cell r="H222">
            <v>0</v>
          </cell>
          <cell r="I222">
            <v>0</v>
          </cell>
          <cell r="J222">
            <v>0</v>
          </cell>
          <cell r="K222">
            <v>0</v>
          </cell>
          <cell r="L222">
            <v>0</v>
          </cell>
          <cell r="M222">
            <v>0</v>
          </cell>
          <cell r="N222">
            <v>0</v>
          </cell>
          <cell r="O222">
            <v>0</v>
          </cell>
          <cell r="P222">
            <v>0</v>
          </cell>
          <cell r="Q222">
            <v>0</v>
          </cell>
          <cell r="R222">
            <v>0</v>
          </cell>
          <cell r="S222">
            <v>0</v>
          </cell>
          <cell r="T222">
            <v>0</v>
          </cell>
          <cell r="U222">
            <v>0</v>
          </cell>
          <cell r="V222">
            <v>0</v>
          </cell>
          <cell r="W222">
            <v>0</v>
          </cell>
        </row>
        <row r="223">
          <cell r="A223" t="str">
            <v>FUO_Fondi_%C</v>
          </cell>
          <cell r="G223">
            <v>3.0252850884919368E-3</v>
          </cell>
          <cell r="H223">
            <v>2.831576366756558E-3</v>
          </cell>
          <cell r="I223">
            <v>2.9284307276242474E-3</v>
          </cell>
          <cell r="J223">
            <v>2.9284307276242474E-3</v>
          </cell>
          <cell r="K223">
            <v>2.9284307276242474E-3</v>
          </cell>
          <cell r="L223">
            <v>2.9284307276242474E-3</v>
          </cell>
          <cell r="M223">
            <v>2.9284307276242474E-3</v>
          </cell>
          <cell r="N223">
            <v>2.9284307276242474E-3</v>
          </cell>
          <cell r="O223">
            <v>2.9284307276242474E-3</v>
          </cell>
          <cell r="P223">
            <v>2.9284307276242474E-3</v>
          </cell>
          <cell r="Q223">
            <v>2.9284307276242474E-3</v>
          </cell>
          <cell r="R223">
            <v>2.9284307276242474E-3</v>
          </cell>
          <cell r="S223">
            <v>2.9284307276242474E-3</v>
          </cell>
          <cell r="T223">
            <v>2.9284307276242474E-3</v>
          </cell>
          <cell r="U223">
            <v>2.9284307276242474E-3</v>
          </cell>
          <cell r="V223">
            <v>2.9284307276242474E-3</v>
          </cell>
          <cell r="W223">
            <v>2.9284307276242474E-3</v>
          </cell>
        </row>
        <row r="224">
          <cell r="A224" t="str">
            <v>XXX_Fondi_%C</v>
          </cell>
          <cell r="G224">
            <v>0</v>
          </cell>
          <cell r="H224">
            <v>0</v>
          </cell>
          <cell r="I224">
            <v>0</v>
          </cell>
          <cell r="J224">
            <v>0</v>
          </cell>
          <cell r="K224">
            <v>0</v>
          </cell>
          <cell r="L224">
            <v>0</v>
          </cell>
          <cell r="M224">
            <v>0</v>
          </cell>
          <cell r="N224">
            <v>0</v>
          </cell>
          <cell r="O224">
            <v>0</v>
          </cell>
          <cell r="P224">
            <v>0</v>
          </cell>
          <cell r="Q224">
            <v>0</v>
          </cell>
          <cell r="R224">
            <v>0</v>
          </cell>
          <cell r="S224">
            <v>0</v>
          </cell>
          <cell r="T224">
            <v>0</v>
          </cell>
          <cell r="U224">
            <v>0</v>
          </cell>
          <cell r="V224">
            <v>0</v>
          </cell>
          <cell r="W224">
            <v>0</v>
          </cell>
        </row>
        <row r="225">
          <cell r="G225">
            <v>0</v>
          </cell>
          <cell r="H225">
            <v>0</v>
          </cell>
          <cell r="I225">
            <v>0</v>
          </cell>
          <cell r="J225">
            <v>0</v>
          </cell>
          <cell r="K225">
            <v>0</v>
          </cell>
          <cell r="L225">
            <v>0</v>
          </cell>
          <cell r="M225">
            <v>0</v>
          </cell>
          <cell r="N225">
            <v>0</v>
          </cell>
          <cell r="O225">
            <v>0</v>
          </cell>
          <cell r="P225">
            <v>0</v>
          </cell>
          <cell r="Q225">
            <v>0</v>
          </cell>
          <cell r="R225">
            <v>0</v>
          </cell>
          <cell r="S225">
            <v>0</v>
          </cell>
          <cell r="T225">
            <v>0</v>
          </cell>
          <cell r="U225">
            <v>0</v>
          </cell>
          <cell r="V225">
            <v>0</v>
          </cell>
          <cell r="W225">
            <v>0</v>
          </cell>
        </row>
        <row r="226">
          <cell r="A226" t="str">
            <v>Val_tradizionali_%C</v>
          </cell>
          <cell r="G226">
            <v>8.3982751209804932E-4</v>
          </cell>
          <cell r="H226">
            <v>6.4756064082433634E-4</v>
          </cell>
          <cell r="I226">
            <v>7.4369407646119289E-4</v>
          </cell>
          <cell r="J226">
            <v>7.4369407646119289E-4</v>
          </cell>
          <cell r="K226">
            <v>7.4369407646119289E-4</v>
          </cell>
          <cell r="L226">
            <v>7.4369407646119289E-4</v>
          </cell>
          <cell r="M226">
            <v>7.4369407646119289E-4</v>
          </cell>
          <cell r="N226">
            <v>7.4369407646119289E-4</v>
          </cell>
          <cell r="O226">
            <v>7.4369407646119289E-4</v>
          </cell>
          <cell r="P226">
            <v>7.4369407646119289E-4</v>
          </cell>
          <cell r="Q226">
            <v>7.4369407646119289E-4</v>
          </cell>
          <cell r="R226">
            <v>7.4369407646119289E-4</v>
          </cell>
          <cell r="S226">
            <v>7.4369407646119289E-4</v>
          </cell>
          <cell r="T226">
            <v>7.4369407646119289E-4</v>
          </cell>
          <cell r="U226">
            <v>7.4369407646119289E-4</v>
          </cell>
          <cell r="V226">
            <v>7.4369407646119289E-4</v>
          </cell>
          <cell r="W226">
            <v>7.4369407646119289E-4</v>
          </cell>
          <cell r="Y226">
            <v>0</v>
          </cell>
          <cell r="Z226">
            <v>0</v>
          </cell>
        </row>
        <row r="227">
          <cell r="A227" t="str">
            <v>Pre_tradizionali_%C</v>
          </cell>
          <cell r="G227">
            <v>1.0459673796920394E-3</v>
          </cell>
          <cell r="H227">
            <v>9.3922875296855769E-4</v>
          </cell>
          <cell r="I227">
            <v>9.9259806633029859E-4</v>
          </cell>
          <cell r="J227">
            <v>9.9259806633029859E-4</v>
          </cell>
          <cell r="K227">
            <v>9.9259806633029859E-4</v>
          </cell>
          <cell r="L227">
            <v>9.9259806633029859E-4</v>
          </cell>
          <cell r="M227">
            <v>9.9259806633029859E-4</v>
          </cell>
          <cell r="N227">
            <v>9.9259806633029859E-4</v>
          </cell>
          <cell r="O227">
            <v>9.9259806633029859E-4</v>
          </cell>
          <cell r="P227">
            <v>9.9259806633029859E-4</v>
          </cell>
          <cell r="Q227">
            <v>9.9259806633029859E-4</v>
          </cell>
          <cell r="R227">
            <v>9.9259806633029859E-4</v>
          </cell>
          <cell r="S227">
            <v>9.9259806633029859E-4</v>
          </cell>
          <cell r="T227">
            <v>9.9259806633029859E-4</v>
          </cell>
          <cell r="U227">
            <v>9.9259806633029859E-4</v>
          </cell>
          <cell r="V227">
            <v>9.9259806633029859E-4</v>
          </cell>
          <cell r="W227">
            <v>9.9259806633029859E-4</v>
          </cell>
        </row>
        <row r="228">
          <cell r="A228" t="str">
            <v>Sma_tradizionali_%C</v>
          </cell>
          <cell r="G228">
            <v>9.1588348630374536E-4</v>
          </cell>
          <cell r="H228">
            <v>9.5590819111659911E-4</v>
          </cell>
          <cell r="I228">
            <v>9.3589583871017223E-4</v>
          </cell>
          <cell r="J228">
            <v>9.3589583871017223E-4</v>
          </cell>
          <cell r="K228">
            <v>9.3589583871017223E-4</v>
          </cell>
          <cell r="L228">
            <v>9.3589583871017223E-4</v>
          </cell>
          <cell r="M228">
            <v>9.3589583871017223E-4</v>
          </cell>
          <cell r="N228">
            <v>9.3589583871017223E-4</v>
          </cell>
          <cell r="O228">
            <v>9.3589583871017223E-4</v>
          </cell>
          <cell r="P228">
            <v>9.3589583871017223E-4</v>
          </cell>
          <cell r="Q228">
            <v>9.3589583871017223E-4</v>
          </cell>
          <cell r="R228">
            <v>9.3589583871017223E-4</v>
          </cell>
          <cell r="S228">
            <v>9.3589583871017223E-4</v>
          </cell>
          <cell r="T228">
            <v>9.3589583871017223E-4</v>
          </cell>
          <cell r="U228">
            <v>9.3589583871017223E-4</v>
          </cell>
          <cell r="V228">
            <v>9.3589583871017223E-4</v>
          </cell>
          <cell r="W228">
            <v>9.3589583871017223E-4</v>
          </cell>
        </row>
        <row r="229">
          <cell r="A229" t="str">
            <v>Pri_tradizionali_%C</v>
          </cell>
          <cell r="G229">
            <v>6.524864790091445E-4</v>
          </cell>
          <cell r="H229">
            <v>6.1682282495424939E-4</v>
          </cell>
          <cell r="I229">
            <v>6.3465465198169694E-4</v>
          </cell>
          <cell r="J229">
            <v>6.3465465198169694E-4</v>
          </cell>
          <cell r="K229">
            <v>6.3465465198169694E-4</v>
          </cell>
          <cell r="L229">
            <v>6.3465465198169694E-4</v>
          </cell>
          <cell r="M229">
            <v>6.3465465198169694E-4</v>
          </cell>
          <cell r="N229">
            <v>6.3465465198169694E-4</v>
          </cell>
          <cell r="O229">
            <v>6.3465465198169694E-4</v>
          </cell>
          <cell r="P229">
            <v>6.3465465198169694E-4</v>
          </cell>
          <cell r="Q229">
            <v>6.3465465198169694E-4</v>
          </cell>
          <cell r="R229">
            <v>6.3465465198169694E-4</v>
          </cell>
          <cell r="S229">
            <v>6.3465465198169694E-4</v>
          </cell>
          <cell r="T229">
            <v>6.3465465198169694E-4</v>
          </cell>
          <cell r="U229">
            <v>6.3465465198169694E-4</v>
          </cell>
          <cell r="V229">
            <v>6.3465465198169694E-4</v>
          </cell>
          <cell r="W229">
            <v>6.3465465198169694E-4</v>
          </cell>
        </row>
        <row r="230">
          <cell r="A230" t="str">
            <v>Fam_tradizionali_%C</v>
          </cell>
          <cell r="G230">
            <v>4.6326899110443688E-4</v>
          </cell>
          <cell r="H230">
            <v>5.1986208114142589E-4</v>
          </cell>
          <cell r="I230">
            <v>4.9156553612293144E-4</v>
          </cell>
          <cell r="J230">
            <v>4.9156553612293144E-4</v>
          </cell>
          <cell r="K230">
            <v>4.9156553612293144E-4</v>
          </cell>
          <cell r="L230">
            <v>4.9156553612293144E-4</v>
          </cell>
          <cell r="M230">
            <v>4.9156553612293144E-4</v>
          </cell>
          <cell r="N230">
            <v>4.9156553612293144E-4</v>
          </cell>
          <cell r="O230">
            <v>4.9156553612293144E-4</v>
          </cell>
          <cell r="P230">
            <v>4.9156553612293144E-4</v>
          </cell>
          <cell r="Q230">
            <v>4.9156553612293144E-4</v>
          </cell>
          <cell r="R230">
            <v>4.9156553612293144E-4</v>
          </cell>
          <cell r="S230">
            <v>4.9156553612293144E-4</v>
          </cell>
          <cell r="T230">
            <v>4.9156553612293144E-4</v>
          </cell>
          <cell r="U230">
            <v>4.9156553612293144E-4</v>
          </cell>
          <cell r="V230">
            <v>4.9156553612293144E-4</v>
          </cell>
          <cell r="W230">
            <v>4.9156553612293144E-4</v>
          </cell>
        </row>
        <row r="231">
          <cell r="A231" t="str">
            <v>PMI_tradizionali_%C</v>
          </cell>
          <cell r="G231">
            <v>0</v>
          </cell>
          <cell r="H231">
            <v>6.9469650337255909E-4</v>
          </cell>
          <cell r="I231">
            <v>3.4734825168627955E-4</v>
          </cell>
          <cell r="J231">
            <v>3.4734825168627955E-4</v>
          </cell>
          <cell r="K231">
            <v>3.4734825168627955E-4</v>
          </cell>
          <cell r="L231">
            <v>3.4734825168627955E-4</v>
          </cell>
          <cell r="M231">
            <v>3.4734825168627955E-4</v>
          </cell>
          <cell r="N231">
            <v>3.4734825168627955E-4</v>
          </cell>
          <cell r="O231">
            <v>3.4734825168627955E-4</v>
          </cell>
          <cell r="P231">
            <v>3.4734825168627955E-4</v>
          </cell>
          <cell r="Q231">
            <v>3.4734825168627955E-4</v>
          </cell>
          <cell r="R231">
            <v>3.4734825168627955E-4</v>
          </cell>
          <cell r="S231">
            <v>3.4734825168627955E-4</v>
          </cell>
          <cell r="T231">
            <v>3.4734825168627955E-4</v>
          </cell>
          <cell r="U231">
            <v>3.4734825168627955E-4</v>
          </cell>
          <cell r="V231">
            <v>3.4734825168627955E-4</v>
          </cell>
          <cell r="W231">
            <v>3.4734825168627955E-4</v>
          </cell>
        </row>
        <row r="232">
          <cell r="A232" t="str">
            <v>ENT_tradizionali_%C</v>
          </cell>
          <cell r="G232">
            <v>2.1389990606535548E-4</v>
          </cell>
          <cell r="H232">
            <v>8.4245267793797804E-4</v>
          </cell>
          <cell r="I232">
            <v>5.2817629200166676E-4</v>
          </cell>
          <cell r="J232">
            <v>5.2817629200166676E-4</v>
          </cell>
          <cell r="K232">
            <v>5.2817629200166676E-4</v>
          </cell>
          <cell r="L232">
            <v>5.2817629200166676E-4</v>
          </cell>
          <cell r="M232">
            <v>5.2817629200166676E-4</v>
          </cell>
          <cell r="N232">
            <v>5.2817629200166676E-4</v>
          </cell>
          <cell r="O232">
            <v>5.2817629200166676E-4</v>
          </cell>
          <cell r="P232">
            <v>5.2817629200166676E-4</v>
          </cell>
          <cell r="Q232">
            <v>5.2817629200166676E-4</v>
          </cell>
          <cell r="R232">
            <v>5.2817629200166676E-4</v>
          </cell>
          <cell r="S232">
            <v>5.2817629200166676E-4</v>
          </cell>
          <cell r="T232">
            <v>5.2817629200166676E-4</v>
          </cell>
          <cell r="U232">
            <v>5.2817629200166676E-4</v>
          </cell>
          <cell r="V232">
            <v>5.2817629200166676E-4</v>
          </cell>
          <cell r="W232">
            <v>5.2817629200166676E-4</v>
          </cell>
        </row>
        <row r="233">
          <cell r="A233" t="str">
            <v>Cor_tradizionali_%C</v>
          </cell>
          <cell r="G233">
            <v>0</v>
          </cell>
          <cell r="H233">
            <v>3.8182861160005182E-4</v>
          </cell>
          <cell r="I233">
            <v>1.9091430580002591E-4</v>
          </cell>
          <cell r="J233">
            <v>1.9091430580002591E-4</v>
          </cell>
          <cell r="K233">
            <v>1.9091430580002591E-4</v>
          </cell>
          <cell r="L233">
            <v>1.9091430580002591E-4</v>
          </cell>
          <cell r="M233">
            <v>1.9091430580002591E-4</v>
          </cell>
          <cell r="N233">
            <v>1.9091430580002591E-4</v>
          </cell>
          <cell r="O233">
            <v>1.9091430580002591E-4</v>
          </cell>
          <cell r="P233">
            <v>1.9091430580002591E-4</v>
          </cell>
          <cell r="Q233">
            <v>1.9091430580002591E-4</v>
          </cell>
          <cell r="R233">
            <v>1.9091430580002591E-4</v>
          </cell>
          <cell r="S233">
            <v>1.9091430580002591E-4</v>
          </cell>
          <cell r="T233">
            <v>1.9091430580002591E-4</v>
          </cell>
          <cell r="U233">
            <v>1.9091430580002591E-4</v>
          </cell>
          <cell r="V233">
            <v>1.9091430580002591E-4</v>
          </cell>
          <cell r="W233">
            <v>1.9091430580002591E-4</v>
          </cell>
        </row>
        <row r="234">
          <cell r="A234" t="str">
            <v>Gra_tradizionali_%C</v>
          </cell>
          <cell r="G234">
            <v>-8.5933101969842189E-4</v>
          </cell>
          <cell r="H234">
            <v>1.8716941569076422E-4</v>
          </cell>
          <cell r="I234">
            <v>-3.3608080200382885E-4</v>
          </cell>
          <cell r="J234">
            <v>-3.3608080200382885E-4</v>
          </cell>
          <cell r="K234">
            <v>-3.3608080200382885E-4</v>
          </cell>
          <cell r="L234">
            <v>-3.3608080200382885E-4</v>
          </cell>
          <cell r="M234">
            <v>-3.3608080200382885E-4</v>
          </cell>
          <cell r="N234">
            <v>-3.3608080200382885E-4</v>
          </cell>
          <cell r="O234">
            <v>-3.3608080200382885E-4</v>
          </cell>
          <cell r="P234">
            <v>-3.3608080200382885E-4</v>
          </cell>
          <cell r="Q234">
            <v>-3.3608080200382885E-4</v>
          </cell>
          <cell r="R234">
            <v>-3.3608080200382885E-4</v>
          </cell>
          <cell r="S234">
            <v>-3.3608080200382885E-4</v>
          </cell>
          <cell r="T234">
            <v>-3.3608080200382885E-4</v>
          </cell>
          <cell r="U234">
            <v>-3.3608080200382885E-4</v>
          </cell>
          <cell r="V234">
            <v>-3.3608080200382885E-4</v>
          </cell>
          <cell r="W234">
            <v>-3.3608080200382885E-4</v>
          </cell>
        </row>
        <row r="235">
          <cell r="A235" t="str">
            <v>FEX_tradizionali_%C</v>
          </cell>
          <cell r="G235">
            <v>0</v>
          </cell>
          <cell r="H235">
            <v>0</v>
          </cell>
          <cell r="I235">
            <v>0</v>
          </cell>
          <cell r="J235">
            <v>0</v>
          </cell>
          <cell r="K235">
            <v>0</v>
          </cell>
          <cell r="L235">
            <v>0</v>
          </cell>
          <cell r="M235">
            <v>0</v>
          </cell>
          <cell r="N235">
            <v>0</v>
          </cell>
          <cell r="O235">
            <v>0</v>
          </cell>
          <cell r="P235">
            <v>0</v>
          </cell>
          <cell r="Q235">
            <v>0</v>
          </cell>
          <cell r="R235">
            <v>0</v>
          </cell>
          <cell r="S235">
            <v>0</v>
          </cell>
          <cell r="T235">
            <v>0</v>
          </cell>
          <cell r="U235">
            <v>0</v>
          </cell>
          <cell r="V235">
            <v>0</v>
          </cell>
          <cell r="W235">
            <v>0</v>
          </cell>
        </row>
        <row r="236">
          <cell r="A236" t="str">
            <v>MCL_tradizionali_%C</v>
          </cell>
          <cell r="G236">
            <v>0</v>
          </cell>
          <cell r="H236">
            <v>0</v>
          </cell>
          <cell r="I236">
            <v>0</v>
          </cell>
          <cell r="J236">
            <v>0</v>
          </cell>
          <cell r="K236">
            <v>0</v>
          </cell>
          <cell r="L236">
            <v>0</v>
          </cell>
          <cell r="M236">
            <v>0</v>
          </cell>
          <cell r="N236">
            <v>0</v>
          </cell>
          <cell r="O236">
            <v>0</v>
          </cell>
          <cell r="P236">
            <v>0</v>
          </cell>
          <cell r="Q236">
            <v>0</v>
          </cell>
          <cell r="R236">
            <v>0</v>
          </cell>
          <cell r="S236">
            <v>0</v>
          </cell>
          <cell r="T236">
            <v>0</v>
          </cell>
          <cell r="U236">
            <v>0</v>
          </cell>
          <cell r="V236">
            <v>0</v>
          </cell>
          <cell r="W236">
            <v>0</v>
          </cell>
        </row>
        <row r="237">
          <cell r="A237" t="str">
            <v>MCG_tradizionali_%C</v>
          </cell>
          <cell r="G237">
            <v>0</v>
          </cell>
          <cell r="H237">
            <v>0</v>
          </cell>
          <cell r="I237">
            <v>0</v>
          </cell>
          <cell r="J237">
            <v>0</v>
          </cell>
          <cell r="K237">
            <v>0</v>
          </cell>
          <cell r="L237">
            <v>0</v>
          </cell>
          <cell r="M237">
            <v>0</v>
          </cell>
          <cell r="N237">
            <v>0</v>
          </cell>
          <cell r="O237">
            <v>0</v>
          </cell>
          <cell r="P237">
            <v>0</v>
          </cell>
          <cell r="Q237">
            <v>0</v>
          </cell>
          <cell r="R237">
            <v>0</v>
          </cell>
          <cell r="S237">
            <v>0</v>
          </cell>
          <cell r="T237">
            <v>0</v>
          </cell>
          <cell r="U237">
            <v>0</v>
          </cell>
          <cell r="V237">
            <v>0</v>
          </cell>
          <cell r="W237">
            <v>0</v>
          </cell>
        </row>
        <row r="238">
          <cell r="A238" t="str">
            <v>MLE_tradizionali_%C</v>
          </cell>
          <cell r="G238">
            <v>0</v>
          </cell>
          <cell r="H238">
            <v>0</v>
          </cell>
          <cell r="I238">
            <v>0</v>
          </cell>
          <cell r="J238">
            <v>0</v>
          </cell>
          <cell r="K238">
            <v>0</v>
          </cell>
          <cell r="L238">
            <v>0</v>
          </cell>
          <cell r="M238">
            <v>0</v>
          </cell>
          <cell r="N238">
            <v>0</v>
          </cell>
          <cell r="O238">
            <v>0</v>
          </cell>
          <cell r="P238">
            <v>0</v>
          </cell>
          <cell r="Q238">
            <v>0</v>
          </cell>
          <cell r="R238">
            <v>0</v>
          </cell>
          <cell r="S238">
            <v>0</v>
          </cell>
          <cell r="T238">
            <v>0</v>
          </cell>
          <cell r="U238">
            <v>0</v>
          </cell>
          <cell r="V238">
            <v>0</v>
          </cell>
          <cell r="W238">
            <v>0</v>
          </cell>
        </row>
        <row r="239">
          <cell r="A239" t="str">
            <v>MFA_tradizionali_%C</v>
          </cell>
          <cell r="G239">
            <v>0</v>
          </cell>
          <cell r="H239">
            <v>0</v>
          </cell>
          <cell r="I239">
            <v>0</v>
          </cell>
          <cell r="J239">
            <v>0</v>
          </cell>
          <cell r="K239">
            <v>0</v>
          </cell>
          <cell r="L239">
            <v>0</v>
          </cell>
          <cell r="M239">
            <v>0</v>
          </cell>
          <cell r="N239">
            <v>0</v>
          </cell>
          <cell r="O239">
            <v>0</v>
          </cell>
          <cell r="P239">
            <v>0</v>
          </cell>
          <cell r="Q239">
            <v>0</v>
          </cell>
          <cell r="R239">
            <v>0</v>
          </cell>
          <cell r="S239">
            <v>0</v>
          </cell>
          <cell r="T239">
            <v>0</v>
          </cell>
          <cell r="U239">
            <v>0</v>
          </cell>
          <cell r="V239">
            <v>0</v>
          </cell>
          <cell r="W239">
            <v>0</v>
          </cell>
        </row>
        <row r="240">
          <cell r="A240" t="str">
            <v>MBQ_tradizionali_%C</v>
          </cell>
          <cell r="G240">
            <v>0</v>
          </cell>
          <cell r="H240">
            <v>0</v>
          </cell>
          <cell r="I240">
            <v>0</v>
          </cell>
          <cell r="J240">
            <v>0</v>
          </cell>
          <cell r="K240">
            <v>0</v>
          </cell>
          <cell r="L240">
            <v>0</v>
          </cell>
          <cell r="M240">
            <v>0</v>
          </cell>
          <cell r="N240">
            <v>0</v>
          </cell>
          <cell r="O240">
            <v>0</v>
          </cell>
          <cell r="P240">
            <v>0</v>
          </cell>
          <cell r="Q240">
            <v>0</v>
          </cell>
          <cell r="R240">
            <v>0</v>
          </cell>
          <cell r="S240">
            <v>0</v>
          </cell>
          <cell r="T240">
            <v>0</v>
          </cell>
          <cell r="U240">
            <v>0</v>
          </cell>
          <cell r="V240">
            <v>0</v>
          </cell>
          <cell r="W240">
            <v>0</v>
          </cell>
        </row>
        <row r="241">
          <cell r="A241" t="str">
            <v>MBG_tradizionali_%C</v>
          </cell>
          <cell r="G241">
            <v>0</v>
          </cell>
          <cell r="H241">
            <v>0</v>
          </cell>
          <cell r="I241">
            <v>0</v>
          </cell>
          <cell r="J241">
            <v>0</v>
          </cell>
          <cell r="K241">
            <v>0</v>
          </cell>
          <cell r="L241">
            <v>0</v>
          </cell>
          <cell r="M241">
            <v>0</v>
          </cell>
          <cell r="N241">
            <v>0</v>
          </cell>
          <cell r="O241">
            <v>0</v>
          </cell>
          <cell r="P241">
            <v>0</v>
          </cell>
          <cell r="Q241">
            <v>0</v>
          </cell>
          <cell r="R241">
            <v>0</v>
          </cell>
          <cell r="S241">
            <v>0</v>
          </cell>
          <cell r="T241">
            <v>0</v>
          </cell>
          <cell r="U241">
            <v>0</v>
          </cell>
          <cell r="V241">
            <v>0</v>
          </cell>
          <cell r="W241">
            <v>0</v>
          </cell>
        </row>
        <row r="242">
          <cell r="A242" t="str">
            <v>WID_tradizionali_%C</v>
          </cell>
          <cell r="G242">
            <v>2.8978867746906659E-3</v>
          </cell>
          <cell r="H242">
            <v>1.9757418565343331E-3</v>
          </cell>
          <cell r="I242">
            <v>2.4368143156124995E-3</v>
          </cell>
          <cell r="J242">
            <v>2.4368143156124995E-3</v>
          </cell>
          <cell r="K242">
            <v>2.4368143156124995E-3</v>
          </cell>
          <cell r="L242">
            <v>2.4368143156124995E-3</v>
          </cell>
          <cell r="M242">
            <v>2.4368143156124995E-3</v>
          </cell>
          <cell r="N242">
            <v>2.4368143156124995E-3</v>
          </cell>
          <cell r="O242">
            <v>2.4368143156124995E-3</v>
          </cell>
          <cell r="P242">
            <v>2.4368143156124995E-3</v>
          </cell>
          <cell r="Q242">
            <v>2.4368143156124995E-3</v>
          </cell>
          <cell r="R242">
            <v>2.4368143156124995E-3</v>
          </cell>
          <cell r="S242">
            <v>2.4368143156124995E-3</v>
          </cell>
          <cell r="T242">
            <v>2.4368143156124995E-3</v>
          </cell>
          <cell r="U242">
            <v>2.4368143156124995E-3</v>
          </cell>
          <cell r="V242">
            <v>2.4368143156124995E-3</v>
          </cell>
          <cell r="W242">
            <v>2.4368143156124995E-3</v>
          </cell>
        </row>
        <row r="243">
          <cell r="A243" t="str">
            <v>FIN_tradizionali_%C</v>
          </cell>
          <cell r="G243">
            <v>0</v>
          </cell>
          <cell r="H243">
            <v>0</v>
          </cell>
          <cell r="I243">
            <v>0</v>
          </cell>
          <cell r="J243">
            <v>0</v>
          </cell>
          <cell r="K243">
            <v>0</v>
          </cell>
          <cell r="L243">
            <v>0</v>
          </cell>
          <cell r="M243">
            <v>0</v>
          </cell>
          <cell r="N243">
            <v>0</v>
          </cell>
          <cell r="O243">
            <v>0</v>
          </cell>
          <cell r="P243">
            <v>0</v>
          </cell>
          <cell r="Q243">
            <v>0</v>
          </cell>
          <cell r="R243">
            <v>0</v>
          </cell>
          <cell r="S243">
            <v>0</v>
          </cell>
          <cell r="T243">
            <v>0</v>
          </cell>
          <cell r="U243">
            <v>0</v>
          </cell>
          <cell r="V243">
            <v>0</v>
          </cell>
          <cell r="W243">
            <v>0</v>
          </cell>
        </row>
        <row r="244">
          <cell r="A244" t="str">
            <v>ALM_tradizionali_%C</v>
          </cell>
          <cell r="G244">
            <v>0</v>
          </cell>
          <cell r="H244">
            <v>0</v>
          </cell>
          <cell r="I244">
            <v>0</v>
          </cell>
          <cell r="J244">
            <v>0</v>
          </cell>
          <cell r="K244">
            <v>0</v>
          </cell>
          <cell r="L244">
            <v>0</v>
          </cell>
          <cell r="M244">
            <v>0</v>
          </cell>
          <cell r="N244">
            <v>0</v>
          </cell>
          <cell r="O244">
            <v>0</v>
          </cell>
          <cell r="P244">
            <v>0</v>
          </cell>
          <cell r="Q244">
            <v>0</v>
          </cell>
          <cell r="R244">
            <v>0</v>
          </cell>
          <cell r="S244">
            <v>0</v>
          </cell>
          <cell r="T244">
            <v>0</v>
          </cell>
          <cell r="U244">
            <v>0</v>
          </cell>
          <cell r="V244">
            <v>0</v>
          </cell>
          <cell r="W244">
            <v>0</v>
          </cell>
        </row>
        <row r="245">
          <cell r="A245" t="str">
            <v>FUO_tradizionali_%C</v>
          </cell>
          <cell r="G245">
            <v>0</v>
          </cell>
          <cell r="H245">
            <v>0</v>
          </cell>
          <cell r="I245">
            <v>0</v>
          </cell>
          <cell r="J245">
            <v>0</v>
          </cell>
          <cell r="K245">
            <v>0</v>
          </cell>
          <cell r="L245">
            <v>0</v>
          </cell>
          <cell r="M245">
            <v>0</v>
          </cell>
          <cell r="N245">
            <v>0</v>
          </cell>
          <cell r="O245">
            <v>0</v>
          </cell>
          <cell r="P245">
            <v>0</v>
          </cell>
          <cell r="Q245">
            <v>0</v>
          </cell>
          <cell r="R245">
            <v>0</v>
          </cell>
          <cell r="S245">
            <v>0</v>
          </cell>
          <cell r="T245">
            <v>0</v>
          </cell>
          <cell r="U245">
            <v>0</v>
          </cell>
          <cell r="V245">
            <v>0</v>
          </cell>
          <cell r="W245">
            <v>0</v>
          </cell>
        </row>
        <row r="246">
          <cell r="A246" t="str">
            <v>XXX_tradizionali_%C</v>
          </cell>
          <cell r="G246">
            <v>0</v>
          </cell>
          <cell r="H246">
            <v>0</v>
          </cell>
          <cell r="I246">
            <v>0</v>
          </cell>
          <cell r="J246">
            <v>0</v>
          </cell>
          <cell r="K246">
            <v>0</v>
          </cell>
          <cell r="L246">
            <v>0</v>
          </cell>
          <cell r="M246">
            <v>0</v>
          </cell>
          <cell r="N246">
            <v>0</v>
          </cell>
          <cell r="O246">
            <v>0</v>
          </cell>
          <cell r="P246">
            <v>0</v>
          </cell>
          <cell r="Q246">
            <v>0</v>
          </cell>
          <cell r="R246">
            <v>0</v>
          </cell>
          <cell r="S246">
            <v>0</v>
          </cell>
          <cell r="T246">
            <v>0</v>
          </cell>
          <cell r="U246">
            <v>0</v>
          </cell>
          <cell r="V246">
            <v>0</v>
          </cell>
          <cell r="W246">
            <v>0</v>
          </cell>
        </row>
        <row r="247">
          <cell r="G247">
            <v>0</v>
          </cell>
          <cell r="H247">
            <v>0</v>
          </cell>
          <cell r="I247">
            <v>0</v>
          </cell>
          <cell r="J247">
            <v>0</v>
          </cell>
          <cell r="K247">
            <v>0</v>
          </cell>
          <cell r="L247">
            <v>0</v>
          </cell>
          <cell r="M247">
            <v>0</v>
          </cell>
          <cell r="N247">
            <v>0</v>
          </cell>
          <cell r="O247">
            <v>0</v>
          </cell>
          <cell r="P247">
            <v>0</v>
          </cell>
          <cell r="Q247">
            <v>0</v>
          </cell>
          <cell r="R247">
            <v>0</v>
          </cell>
          <cell r="S247">
            <v>0</v>
          </cell>
          <cell r="T247">
            <v>0</v>
          </cell>
          <cell r="U247">
            <v>0</v>
          </cell>
          <cell r="V247">
            <v>0</v>
          </cell>
          <cell r="W247">
            <v>0</v>
          </cell>
        </row>
        <row r="248">
          <cell r="A248" t="str">
            <v>Val_index_%C</v>
          </cell>
          <cell r="G248">
            <v>1.6296351174466955E-5</v>
          </cell>
          <cell r="H248">
            <v>1.5228957652114916E-5</v>
          </cell>
          <cell r="I248">
            <v>1.5762654413290934E-5</v>
          </cell>
          <cell r="J248">
            <v>1.5762654413290934E-5</v>
          </cell>
          <cell r="K248">
            <v>1.5762654413290934E-5</v>
          </cell>
          <cell r="L248">
            <v>1.5762654413290934E-5</v>
          </cell>
          <cell r="M248">
            <v>1.5762654413290934E-5</v>
          </cell>
          <cell r="N248">
            <v>1.5762654413290934E-5</v>
          </cell>
          <cell r="O248">
            <v>1.5762654413290934E-5</v>
          </cell>
          <cell r="P248">
            <v>1.5762654413290934E-5</v>
          </cell>
          <cell r="Q248">
            <v>1.5762654413290934E-5</v>
          </cell>
          <cell r="R248">
            <v>1.5762654413290934E-5</v>
          </cell>
          <cell r="S248">
            <v>1.5762654413290934E-5</v>
          </cell>
          <cell r="T248">
            <v>1.5762654413290934E-5</v>
          </cell>
          <cell r="U248">
            <v>1.5762654413290934E-5</v>
          </cell>
          <cell r="V248">
            <v>1.5762654413290934E-5</v>
          </cell>
          <cell r="W248">
            <v>1.5762654413290934E-5</v>
          </cell>
          <cell r="Y248">
            <v>0</v>
          </cell>
          <cell r="Z248">
            <v>0</v>
          </cell>
        </row>
        <row r="249">
          <cell r="A249" t="str">
            <v>Pre_index_%C</v>
          </cell>
          <cell r="G249">
            <v>1.066668447922813E-5</v>
          </cell>
          <cell r="H249">
            <v>9.2598280119302022E-6</v>
          </cell>
          <cell r="I249">
            <v>9.9632562455791659E-6</v>
          </cell>
          <cell r="J249">
            <v>9.9632562455791659E-6</v>
          </cell>
          <cell r="K249">
            <v>9.9632562455791659E-6</v>
          </cell>
          <cell r="L249">
            <v>9.9632562455791659E-6</v>
          </cell>
          <cell r="M249">
            <v>9.9632562455791659E-6</v>
          </cell>
          <cell r="N249">
            <v>9.9632562455791659E-6</v>
          </cell>
          <cell r="O249">
            <v>9.9632562455791659E-6</v>
          </cell>
          <cell r="P249">
            <v>9.9632562455791659E-6</v>
          </cell>
          <cell r="Q249">
            <v>9.9632562455791659E-6</v>
          </cell>
          <cell r="R249">
            <v>9.9632562455791659E-6</v>
          </cell>
          <cell r="S249">
            <v>9.9632562455791659E-6</v>
          </cell>
          <cell r="T249">
            <v>9.9632562455791659E-6</v>
          </cell>
          <cell r="U249">
            <v>9.9632562455791659E-6</v>
          </cell>
          <cell r="V249">
            <v>9.9632562455791659E-6</v>
          </cell>
          <cell r="W249">
            <v>9.9632562455791659E-6</v>
          </cell>
        </row>
        <row r="250">
          <cell r="A250" t="str">
            <v>Sma_index_%C</v>
          </cell>
          <cell r="G250">
            <v>2.3723876708560254E-5</v>
          </cell>
          <cell r="H250">
            <v>2.3686408961237569E-5</v>
          </cell>
          <cell r="I250">
            <v>2.3705142834898912E-5</v>
          </cell>
          <cell r="J250">
            <v>2.3705142834898912E-5</v>
          </cell>
          <cell r="K250">
            <v>2.3705142834898912E-5</v>
          </cell>
          <cell r="L250">
            <v>2.3705142834898912E-5</v>
          </cell>
          <cell r="M250">
            <v>2.3705142834898912E-5</v>
          </cell>
          <cell r="N250">
            <v>2.3705142834898912E-5</v>
          </cell>
          <cell r="O250">
            <v>2.3705142834898912E-5</v>
          </cell>
          <cell r="P250">
            <v>2.3705142834898912E-5</v>
          </cell>
          <cell r="Q250">
            <v>2.3705142834898912E-5</v>
          </cell>
          <cell r="R250">
            <v>2.3705142834898912E-5</v>
          </cell>
          <cell r="S250">
            <v>2.3705142834898912E-5</v>
          </cell>
          <cell r="T250">
            <v>2.3705142834898912E-5</v>
          </cell>
          <cell r="U250">
            <v>2.3705142834898912E-5</v>
          </cell>
          <cell r="V250">
            <v>2.3705142834898912E-5</v>
          </cell>
          <cell r="W250">
            <v>2.3705142834898912E-5</v>
          </cell>
        </row>
        <row r="251">
          <cell r="A251" t="str">
            <v>Pri_index_%C</v>
          </cell>
          <cell r="G251">
            <v>1.7963654377141602E-5</v>
          </cell>
          <cell r="H251">
            <v>1.6997814291347831E-5</v>
          </cell>
          <cell r="I251">
            <v>1.7480734334244717E-5</v>
          </cell>
          <cell r="J251">
            <v>1.7480734334244717E-5</v>
          </cell>
          <cell r="K251">
            <v>1.7480734334244717E-5</v>
          </cell>
          <cell r="L251">
            <v>1.7480734334244717E-5</v>
          </cell>
          <cell r="M251">
            <v>1.7480734334244717E-5</v>
          </cell>
          <cell r="N251">
            <v>1.7480734334244717E-5</v>
          </cell>
          <cell r="O251">
            <v>1.7480734334244717E-5</v>
          </cell>
          <cell r="P251">
            <v>1.7480734334244717E-5</v>
          </cell>
          <cell r="Q251">
            <v>1.7480734334244717E-5</v>
          </cell>
          <cell r="R251">
            <v>1.7480734334244717E-5</v>
          </cell>
          <cell r="S251">
            <v>1.7480734334244717E-5</v>
          </cell>
          <cell r="T251">
            <v>1.7480734334244717E-5</v>
          </cell>
          <cell r="U251">
            <v>1.7480734334244717E-5</v>
          </cell>
          <cell r="V251">
            <v>1.7480734334244717E-5</v>
          </cell>
          <cell r="W251">
            <v>1.7480734334244717E-5</v>
          </cell>
        </row>
        <row r="252">
          <cell r="A252" t="str">
            <v>Fam_index_%C</v>
          </cell>
          <cell r="G252">
            <v>0</v>
          </cell>
          <cell r="H252">
            <v>0</v>
          </cell>
          <cell r="I252">
            <v>0</v>
          </cell>
          <cell r="J252">
            <v>0</v>
          </cell>
          <cell r="K252">
            <v>0</v>
          </cell>
          <cell r="L252">
            <v>0</v>
          </cell>
          <cell r="M252">
            <v>0</v>
          </cell>
          <cell r="N252">
            <v>0</v>
          </cell>
          <cell r="O252">
            <v>0</v>
          </cell>
          <cell r="P252">
            <v>0</v>
          </cell>
          <cell r="Q252">
            <v>0</v>
          </cell>
          <cell r="R252">
            <v>0</v>
          </cell>
          <cell r="S252">
            <v>0</v>
          </cell>
          <cell r="T252">
            <v>0</v>
          </cell>
          <cell r="U252">
            <v>0</v>
          </cell>
          <cell r="V252">
            <v>0</v>
          </cell>
          <cell r="W252">
            <v>0</v>
          </cell>
        </row>
        <row r="253">
          <cell r="A253" t="str">
            <v>PMI_index_%C</v>
          </cell>
          <cell r="G253">
            <v>0</v>
          </cell>
          <cell r="H253">
            <v>2.8814837811212664E-5</v>
          </cell>
          <cell r="I253">
            <v>1.4407418905606332E-5</v>
          </cell>
          <cell r="J253">
            <v>1.4407418905606332E-5</v>
          </cell>
          <cell r="K253">
            <v>1.4407418905606332E-5</v>
          </cell>
          <cell r="L253">
            <v>1.4407418905606332E-5</v>
          </cell>
          <cell r="M253">
            <v>1.4407418905606332E-5</v>
          </cell>
          <cell r="N253">
            <v>1.4407418905606332E-5</v>
          </cell>
          <cell r="O253">
            <v>1.4407418905606332E-5</v>
          </cell>
          <cell r="P253">
            <v>1.4407418905606332E-5</v>
          </cell>
          <cell r="Q253">
            <v>1.4407418905606332E-5</v>
          </cell>
          <cell r="R253">
            <v>1.4407418905606332E-5</v>
          </cell>
          <cell r="S253">
            <v>1.4407418905606332E-5</v>
          </cell>
          <cell r="T253">
            <v>1.4407418905606332E-5</v>
          </cell>
          <cell r="U253">
            <v>1.4407418905606332E-5</v>
          </cell>
          <cell r="V253">
            <v>1.4407418905606332E-5</v>
          </cell>
          <cell r="W253">
            <v>1.4407418905606332E-5</v>
          </cell>
        </row>
        <row r="254">
          <cell r="A254" t="str">
            <v>ENT_index_%C</v>
          </cell>
          <cell r="G254">
            <v>0</v>
          </cell>
          <cell r="H254">
            <v>0</v>
          </cell>
          <cell r="I254">
            <v>0</v>
          </cell>
          <cell r="J254">
            <v>0</v>
          </cell>
          <cell r="K254">
            <v>0</v>
          </cell>
          <cell r="L254">
            <v>0</v>
          </cell>
          <cell r="M254">
            <v>0</v>
          </cell>
          <cell r="N254">
            <v>0</v>
          </cell>
          <cell r="O254">
            <v>0</v>
          </cell>
          <cell r="P254">
            <v>0</v>
          </cell>
          <cell r="Q254">
            <v>0</v>
          </cell>
          <cell r="R254">
            <v>0</v>
          </cell>
          <cell r="S254">
            <v>0</v>
          </cell>
          <cell r="T254">
            <v>0</v>
          </cell>
          <cell r="U254">
            <v>0</v>
          </cell>
          <cell r="V254">
            <v>0</v>
          </cell>
          <cell r="W254">
            <v>0</v>
          </cell>
        </row>
        <row r="255">
          <cell r="A255" t="str">
            <v>Cor_index_%C</v>
          </cell>
          <cell r="G255">
            <v>0</v>
          </cell>
          <cell r="H255">
            <v>0</v>
          </cell>
          <cell r="I255">
            <v>0</v>
          </cell>
          <cell r="J255">
            <v>0</v>
          </cell>
          <cell r="K255">
            <v>0</v>
          </cell>
          <cell r="L255">
            <v>0</v>
          </cell>
          <cell r="M255">
            <v>0</v>
          </cell>
          <cell r="N255">
            <v>0</v>
          </cell>
          <cell r="O255">
            <v>0</v>
          </cell>
          <cell r="P255">
            <v>0</v>
          </cell>
          <cell r="Q255">
            <v>0</v>
          </cell>
          <cell r="R255">
            <v>0</v>
          </cell>
          <cell r="S255">
            <v>0</v>
          </cell>
          <cell r="T255">
            <v>0</v>
          </cell>
          <cell r="U255">
            <v>0</v>
          </cell>
          <cell r="V255">
            <v>0</v>
          </cell>
          <cell r="W255">
            <v>0</v>
          </cell>
        </row>
        <row r="256">
          <cell r="A256" t="str">
            <v>Gra_index_%C</v>
          </cell>
          <cell r="G256">
            <v>0</v>
          </cell>
          <cell r="H256">
            <v>0</v>
          </cell>
          <cell r="I256">
            <v>0</v>
          </cell>
          <cell r="J256">
            <v>0</v>
          </cell>
          <cell r="K256">
            <v>0</v>
          </cell>
          <cell r="L256">
            <v>0</v>
          </cell>
          <cell r="M256">
            <v>0</v>
          </cell>
          <cell r="N256">
            <v>0</v>
          </cell>
          <cell r="O256">
            <v>0</v>
          </cell>
          <cell r="P256">
            <v>0</v>
          </cell>
          <cell r="Q256">
            <v>0</v>
          </cell>
          <cell r="R256">
            <v>0</v>
          </cell>
          <cell r="S256">
            <v>0</v>
          </cell>
          <cell r="T256">
            <v>0</v>
          </cell>
          <cell r="U256">
            <v>0</v>
          </cell>
          <cell r="V256">
            <v>0</v>
          </cell>
          <cell r="W256">
            <v>0</v>
          </cell>
        </row>
        <row r="257">
          <cell r="A257" t="str">
            <v>FEX_index_%C</v>
          </cell>
          <cell r="G257">
            <v>0</v>
          </cell>
          <cell r="H257">
            <v>0</v>
          </cell>
          <cell r="I257">
            <v>0</v>
          </cell>
          <cell r="J257">
            <v>0</v>
          </cell>
          <cell r="K257">
            <v>0</v>
          </cell>
          <cell r="L257">
            <v>0</v>
          </cell>
          <cell r="M257">
            <v>0</v>
          </cell>
          <cell r="N257">
            <v>0</v>
          </cell>
          <cell r="O257">
            <v>0</v>
          </cell>
          <cell r="P257">
            <v>0</v>
          </cell>
          <cell r="Q257">
            <v>0</v>
          </cell>
          <cell r="R257">
            <v>0</v>
          </cell>
          <cell r="S257">
            <v>0</v>
          </cell>
          <cell r="T257">
            <v>0</v>
          </cell>
          <cell r="U257">
            <v>0</v>
          </cell>
          <cell r="V257">
            <v>0</v>
          </cell>
          <cell r="W257">
            <v>0</v>
          </cell>
        </row>
        <row r="258">
          <cell r="A258" t="str">
            <v>MCL_index_%C</v>
          </cell>
          <cell r="G258">
            <v>0</v>
          </cell>
          <cell r="H258">
            <v>0</v>
          </cell>
          <cell r="I258">
            <v>0</v>
          </cell>
          <cell r="J258">
            <v>0</v>
          </cell>
          <cell r="K258">
            <v>0</v>
          </cell>
          <cell r="L258">
            <v>0</v>
          </cell>
          <cell r="M258">
            <v>0</v>
          </cell>
          <cell r="N258">
            <v>0</v>
          </cell>
          <cell r="O258">
            <v>0</v>
          </cell>
          <cell r="P258">
            <v>0</v>
          </cell>
          <cell r="Q258">
            <v>0</v>
          </cell>
          <cell r="R258">
            <v>0</v>
          </cell>
          <cell r="S258">
            <v>0</v>
          </cell>
          <cell r="T258">
            <v>0</v>
          </cell>
          <cell r="U258">
            <v>0</v>
          </cell>
          <cell r="V258">
            <v>0</v>
          </cell>
          <cell r="W258">
            <v>0</v>
          </cell>
        </row>
        <row r="259">
          <cell r="A259" t="str">
            <v>MCG_index_%C</v>
          </cell>
          <cell r="G259">
            <v>0</v>
          </cell>
          <cell r="H259">
            <v>0</v>
          </cell>
          <cell r="I259">
            <v>0</v>
          </cell>
          <cell r="J259">
            <v>0</v>
          </cell>
          <cell r="K259">
            <v>0</v>
          </cell>
          <cell r="L259">
            <v>0</v>
          </cell>
          <cell r="M259">
            <v>0</v>
          </cell>
          <cell r="N259">
            <v>0</v>
          </cell>
          <cell r="O259">
            <v>0</v>
          </cell>
          <cell r="P259">
            <v>0</v>
          </cell>
          <cell r="Q259">
            <v>0</v>
          </cell>
          <cell r="R259">
            <v>0</v>
          </cell>
          <cell r="S259">
            <v>0</v>
          </cell>
          <cell r="T259">
            <v>0</v>
          </cell>
          <cell r="U259">
            <v>0</v>
          </cell>
          <cell r="V259">
            <v>0</v>
          </cell>
          <cell r="W259">
            <v>0</v>
          </cell>
        </row>
        <row r="260">
          <cell r="A260" t="str">
            <v>MLE_index_%C</v>
          </cell>
          <cell r="G260">
            <v>0</v>
          </cell>
          <cell r="H260">
            <v>0</v>
          </cell>
          <cell r="I260">
            <v>0</v>
          </cell>
          <cell r="J260">
            <v>0</v>
          </cell>
          <cell r="K260">
            <v>0</v>
          </cell>
          <cell r="L260">
            <v>0</v>
          </cell>
          <cell r="M260">
            <v>0</v>
          </cell>
          <cell r="N260">
            <v>0</v>
          </cell>
          <cell r="O260">
            <v>0</v>
          </cell>
          <cell r="P260">
            <v>0</v>
          </cell>
          <cell r="Q260">
            <v>0</v>
          </cell>
          <cell r="R260">
            <v>0</v>
          </cell>
          <cell r="S260">
            <v>0</v>
          </cell>
          <cell r="T260">
            <v>0</v>
          </cell>
          <cell r="U260">
            <v>0</v>
          </cell>
          <cell r="V260">
            <v>0</v>
          </cell>
          <cell r="W260">
            <v>0</v>
          </cell>
        </row>
        <row r="261">
          <cell r="A261" t="str">
            <v>MFA_index_%C</v>
          </cell>
          <cell r="G261">
            <v>0</v>
          </cell>
          <cell r="H261">
            <v>0</v>
          </cell>
          <cell r="I261">
            <v>0</v>
          </cell>
          <cell r="J261">
            <v>0</v>
          </cell>
          <cell r="K261">
            <v>0</v>
          </cell>
          <cell r="L261">
            <v>0</v>
          </cell>
          <cell r="M261">
            <v>0</v>
          </cell>
          <cell r="N261">
            <v>0</v>
          </cell>
          <cell r="O261">
            <v>0</v>
          </cell>
          <cell r="P261">
            <v>0</v>
          </cell>
          <cell r="Q261">
            <v>0</v>
          </cell>
          <cell r="R261">
            <v>0</v>
          </cell>
          <cell r="S261">
            <v>0</v>
          </cell>
          <cell r="T261">
            <v>0</v>
          </cell>
          <cell r="U261">
            <v>0</v>
          </cell>
          <cell r="V261">
            <v>0</v>
          </cell>
          <cell r="W261">
            <v>0</v>
          </cell>
        </row>
        <row r="262">
          <cell r="A262" t="str">
            <v>MBQ_index_%C</v>
          </cell>
          <cell r="G262">
            <v>0</v>
          </cell>
          <cell r="H262">
            <v>0</v>
          </cell>
          <cell r="I262">
            <v>0</v>
          </cell>
          <cell r="J262">
            <v>0</v>
          </cell>
          <cell r="K262">
            <v>0</v>
          </cell>
          <cell r="L262">
            <v>0</v>
          </cell>
          <cell r="M262">
            <v>0</v>
          </cell>
          <cell r="N262">
            <v>0</v>
          </cell>
          <cell r="O262">
            <v>0</v>
          </cell>
          <cell r="P262">
            <v>0</v>
          </cell>
          <cell r="Q262">
            <v>0</v>
          </cell>
          <cell r="R262">
            <v>0</v>
          </cell>
          <cell r="S262">
            <v>0</v>
          </cell>
          <cell r="T262">
            <v>0</v>
          </cell>
          <cell r="U262">
            <v>0</v>
          </cell>
          <cell r="V262">
            <v>0</v>
          </cell>
          <cell r="W262">
            <v>0</v>
          </cell>
        </row>
        <row r="263">
          <cell r="A263" t="str">
            <v>MBG_index_%C</v>
          </cell>
          <cell r="G263">
            <v>0</v>
          </cell>
          <cell r="H263">
            <v>0</v>
          </cell>
          <cell r="I263">
            <v>0</v>
          </cell>
          <cell r="J263">
            <v>0</v>
          </cell>
          <cell r="K263">
            <v>0</v>
          </cell>
          <cell r="L263">
            <v>0</v>
          </cell>
          <cell r="M263">
            <v>0</v>
          </cell>
          <cell r="N263">
            <v>0</v>
          </cell>
          <cell r="O263">
            <v>0</v>
          </cell>
          <cell r="P263">
            <v>0</v>
          </cell>
          <cell r="Q263">
            <v>0</v>
          </cell>
          <cell r="R263">
            <v>0</v>
          </cell>
          <cell r="S263">
            <v>0</v>
          </cell>
          <cell r="T263">
            <v>0</v>
          </cell>
          <cell r="U263">
            <v>0</v>
          </cell>
          <cell r="V263">
            <v>0</v>
          </cell>
          <cell r="W263">
            <v>0</v>
          </cell>
        </row>
        <row r="264">
          <cell r="A264" t="str">
            <v>WID_index_%C</v>
          </cell>
          <cell r="G264">
            <v>0</v>
          </cell>
          <cell r="H264">
            <v>0</v>
          </cell>
          <cell r="I264">
            <v>0</v>
          </cell>
          <cell r="J264">
            <v>0</v>
          </cell>
          <cell r="K264">
            <v>0</v>
          </cell>
          <cell r="L264">
            <v>0</v>
          </cell>
          <cell r="M264">
            <v>0</v>
          </cell>
          <cell r="N264">
            <v>0</v>
          </cell>
          <cell r="O264">
            <v>0</v>
          </cell>
          <cell r="P264">
            <v>0</v>
          </cell>
          <cell r="Q264">
            <v>0</v>
          </cell>
          <cell r="R264">
            <v>0</v>
          </cell>
          <cell r="S264">
            <v>0</v>
          </cell>
          <cell r="T264">
            <v>0</v>
          </cell>
          <cell r="U264">
            <v>0</v>
          </cell>
          <cell r="V264">
            <v>0</v>
          </cell>
          <cell r="W264">
            <v>0</v>
          </cell>
        </row>
        <row r="265">
          <cell r="A265" t="str">
            <v>FIN_index_%C</v>
          </cell>
          <cell r="G265">
            <v>0</v>
          </cell>
          <cell r="H265">
            <v>0</v>
          </cell>
          <cell r="I265">
            <v>0</v>
          </cell>
          <cell r="J265">
            <v>0</v>
          </cell>
          <cell r="K265">
            <v>0</v>
          </cell>
          <cell r="L265">
            <v>0</v>
          </cell>
          <cell r="M265">
            <v>0</v>
          </cell>
          <cell r="N265">
            <v>0</v>
          </cell>
          <cell r="O265">
            <v>0</v>
          </cell>
          <cell r="P265">
            <v>0</v>
          </cell>
          <cell r="Q265">
            <v>0</v>
          </cell>
          <cell r="R265">
            <v>0</v>
          </cell>
          <cell r="S265">
            <v>0</v>
          </cell>
          <cell r="T265">
            <v>0</v>
          </cell>
          <cell r="U265">
            <v>0</v>
          </cell>
          <cell r="V265">
            <v>0</v>
          </cell>
          <cell r="W265">
            <v>0</v>
          </cell>
        </row>
        <row r="266">
          <cell r="A266" t="str">
            <v>ALM_index_%C</v>
          </cell>
          <cell r="G266">
            <v>0</v>
          </cell>
          <cell r="H266">
            <v>0</v>
          </cell>
          <cell r="I266">
            <v>0</v>
          </cell>
          <cell r="J266">
            <v>0</v>
          </cell>
          <cell r="K266">
            <v>0</v>
          </cell>
          <cell r="L266">
            <v>0</v>
          </cell>
          <cell r="M266">
            <v>0</v>
          </cell>
          <cell r="N266">
            <v>0</v>
          </cell>
          <cell r="O266">
            <v>0</v>
          </cell>
          <cell r="P266">
            <v>0</v>
          </cell>
          <cell r="Q266">
            <v>0</v>
          </cell>
          <cell r="R266">
            <v>0</v>
          </cell>
          <cell r="S266">
            <v>0</v>
          </cell>
          <cell r="T266">
            <v>0</v>
          </cell>
          <cell r="U266">
            <v>0</v>
          </cell>
          <cell r="V266">
            <v>0</v>
          </cell>
          <cell r="W266">
            <v>0</v>
          </cell>
        </row>
        <row r="267">
          <cell r="A267" t="str">
            <v>FUO_index_%C</v>
          </cell>
          <cell r="G267">
            <v>0</v>
          </cell>
          <cell r="H267">
            <v>0</v>
          </cell>
          <cell r="I267">
            <v>0</v>
          </cell>
          <cell r="J267">
            <v>0</v>
          </cell>
          <cell r="K267">
            <v>0</v>
          </cell>
          <cell r="L267">
            <v>0</v>
          </cell>
          <cell r="M267">
            <v>0</v>
          </cell>
          <cell r="N267">
            <v>0</v>
          </cell>
          <cell r="O267">
            <v>0</v>
          </cell>
          <cell r="P267">
            <v>0</v>
          </cell>
          <cell r="Q267">
            <v>0</v>
          </cell>
          <cell r="R267">
            <v>0</v>
          </cell>
          <cell r="S267">
            <v>0</v>
          </cell>
          <cell r="T267">
            <v>0</v>
          </cell>
          <cell r="U267">
            <v>0</v>
          </cell>
          <cell r="V267">
            <v>0</v>
          </cell>
          <cell r="W267">
            <v>0</v>
          </cell>
        </row>
        <row r="268">
          <cell r="A268" t="str">
            <v>XXX_index_%C</v>
          </cell>
          <cell r="G268">
            <v>0</v>
          </cell>
          <cell r="H268">
            <v>0</v>
          </cell>
          <cell r="I268">
            <v>0</v>
          </cell>
          <cell r="J268">
            <v>0</v>
          </cell>
          <cell r="K268">
            <v>0</v>
          </cell>
          <cell r="L268">
            <v>0</v>
          </cell>
          <cell r="M268">
            <v>0</v>
          </cell>
          <cell r="N268">
            <v>0</v>
          </cell>
          <cell r="O268">
            <v>0</v>
          </cell>
          <cell r="P268">
            <v>0</v>
          </cell>
          <cell r="Q268">
            <v>0</v>
          </cell>
          <cell r="R268">
            <v>0</v>
          </cell>
          <cell r="S268">
            <v>0</v>
          </cell>
          <cell r="T268">
            <v>0</v>
          </cell>
          <cell r="U268">
            <v>0</v>
          </cell>
          <cell r="V268">
            <v>0</v>
          </cell>
          <cell r="W268">
            <v>0</v>
          </cell>
        </row>
        <row r="269">
          <cell r="G269">
            <v>0</v>
          </cell>
          <cell r="H269">
            <v>0</v>
          </cell>
          <cell r="I269">
            <v>0</v>
          </cell>
          <cell r="J269">
            <v>0</v>
          </cell>
          <cell r="K269">
            <v>0</v>
          </cell>
          <cell r="L269">
            <v>0</v>
          </cell>
          <cell r="M269">
            <v>0</v>
          </cell>
          <cell r="N269">
            <v>0</v>
          </cell>
          <cell r="O269">
            <v>0</v>
          </cell>
          <cell r="P269">
            <v>0</v>
          </cell>
          <cell r="Q269">
            <v>0</v>
          </cell>
          <cell r="R269">
            <v>0</v>
          </cell>
          <cell r="S269">
            <v>0</v>
          </cell>
          <cell r="T269">
            <v>0</v>
          </cell>
          <cell r="U269">
            <v>0</v>
          </cell>
          <cell r="V269">
            <v>0</v>
          </cell>
          <cell r="W269">
            <v>0</v>
          </cell>
        </row>
        <row r="270">
          <cell r="A270" t="str">
            <v>Val_multiramo_%C</v>
          </cell>
          <cell r="G270">
            <v>1.627812120422085E-3</v>
          </cell>
          <cell r="H270">
            <v>1.4322458141941389E-3</v>
          </cell>
          <cell r="I270">
            <v>1.530028967308112E-3</v>
          </cell>
          <cell r="J270">
            <v>1.530028967308112E-3</v>
          </cell>
          <cell r="K270">
            <v>1.530028967308112E-3</v>
          </cell>
          <cell r="L270">
            <v>1.530028967308112E-3</v>
          </cell>
          <cell r="M270">
            <v>1.530028967308112E-3</v>
          </cell>
          <cell r="N270">
            <v>1.530028967308112E-3</v>
          </cell>
          <cell r="O270">
            <v>1.530028967308112E-3</v>
          </cell>
          <cell r="P270">
            <v>1.530028967308112E-3</v>
          </cell>
          <cell r="Q270">
            <v>1.530028967308112E-3</v>
          </cell>
          <cell r="R270">
            <v>1.530028967308112E-3</v>
          </cell>
          <cell r="S270">
            <v>1.530028967308112E-3</v>
          </cell>
          <cell r="T270">
            <v>1.530028967308112E-3</v>
          </cell>
          <cell r="U270">
            <v>1.530028967308112E-3</v>
          </cell>
          <cell r="V270">
            <v>1.530028967308112E-3</v>
          </cell>
          <cell r="W270">
            <v>1.530028967308112E-3</v>
          </cell>
          <cell r="Y270">
            <v>0</v>
          </cell>
          <cell r="Z270">
            <v>0</v>
          </cell>
        </row>
        <row r="271">
          <cell r="A271" t="str">
            <v>Pre_multiramo_%C</v>
          </cell>
          <cell r="G271">
            <v>1.5469321474208572E-3</v>
          </cell>
          <cell r="H271">
            <v>1.4461324802758717E-3</v>
          </cell>
          <cell r="I271">
            <v>1.4965323138483645E-3</v>
          </cell>
          <cell r="J271">
            <v>1.4965323138483645E-3</v>
          </cell>
          <cell r="K271">
            <v>1.4965323138483645E-3</v>
          </cell>
          <cell r="L271">
            <v>1.4965323138483645E-3</v>
          </cell>
          <cell r="M271">
            <v>1.4965323138483645E-3</v>
          </cell>
          <cell r="N271">
            <v>1.4965323138483645E-3</v>
          </cell>
          <cell r="O271">
            <v>1.4965323138483645E-3</v>
          </cell>
          <cell r="P271">
            <v>1.4965323138483645E-3</v>
          </cell>
          <cell r="Q271">
            <v>1.4965323138483645E-3</v>
          </cell>
          <cell r="R271">
            <v>1.4965323138483645E-3</v>
          </cell>
          <cell r="S271">
            <v>1.4965323138483645E-3</v>
          </cell>
          <cell r="T271">
            <v>1.4965323138483645E-3</v>
          </cell>
          <cell r="U271">
            <v>1.4965323138483645E-3</v>
          </cell>
          <cell r="V271">
            <v>1.4965323138483645E-3</v>
          </cell>
          <cell r="W271">
            <v>1.4965323138483645E-3</v>
          </cell>
        </row>
        <row r="272">
          <cell r="A272" t="str">
            <v>Sma_multiramo_%C</v>
          </cell>
          <cell r="G272">
            <v>1.6417367531270052E-3</v>
          </cell>
          <cell r="H272">
            <v>1.5340393671460712E-3</v>
          </cell>
          <cell r="I272">
            <v>1.5878880601365381E-3</v>
          </cell>
          <cell r="J272">
            <v>1.5878880601365381E-3</v>
          </cell>
          <cell r="K272">
            <v>1.5878880601365381E-3</v>
          </cell>
          <cell r="L272">
            <v>1.5878880601365381E-3</v>
          </cell>
          <cell r="M272">
            <v>1.5878880601365381E-3</v>
          </cell>
          <cell r="N272">
            <v>1.5878880601365381E-3</v>
          </cell>
          <cell r="O272">
            <v>1.5878880601365381E-3</v>
          </cell>
          <cell r="P272">
            <v>1.5878880601365381E-3</v>
          </cell>
          <cell r="Q272">
            <v>1.5878880601365381E-3</v>
          </cell>
          <cell r="R272">
            <v>1.5878880601365381E-3</v>
          </cell>
          <cell r="S272">
            <v>1.5878880601365381E-3</v>
          </cell>
          <cell r="T272">
            <v>1.5878880601365381E-3</v>
          </cell>
          <cell r="U272">
            <v>1.5878880601365381E-3</v>
          </cell>
          <cell r="V272">
            <v>1.5878880601365381E-3</v>
          </cell>
          <cell r="W272">
            <v>1.5878880601365381E-3</v>
          </cell>
        </row>
        <row r="273">
          <cell r="A273" t="str">
            <v>Pri_multiramo_%C</v>
          </cell>
          <cell r="G273">
            <v>1.4085882217084057E-3</v>
          </cell>
          <cell r="H273">
            <v>1.1747072834993317E-3</v>
          </cell>
          <cell r="I273">
            <v>1.2916477526038687E-3</v>
          </cell>
          <cell r="J273">
            <v>1.2916477526038687E-3</v>
          </cell>
          <cell r="K273">
            <v>1.2916477526038687E-3</v>
          </cell>
          <cell r="L273">
            <v>1.2916477526038687E-3</v>
          </cell>
          <cell r="M273">
            <v>1.2916477526038687E-3</v>
          </cell>
          <cell r="N273">
            <v>1.2916477526038687E-3</v>
          </cell>
          <cell r="O273">
            <v>1.2916477526038687E-3</v>
          </cell>
          <cell r="P273">
            <v>1.2916477526038687E-3</v>
          </cell>
          <cell r="Q273">
            <v>1.2916477526038687E-3</v>
          </cell>
          <cell r="R273">
            <v>1.2916477526038687E-3</v>
          </cell>
          <cell r="S273">
            <v>1.2916477526038687E-3</v>
          </cell>
          <cell r="T273">
            <v>1.2916477526038687E-3</v>
          </cell>
          <cell r="U273">
            <v>1.2916477526038687E-3</v>
          </cell>
          <cell r="V273">
            <v>1.2916477526038687E-3</v>
          </cell>
          <cell r="W273">
            <v>1.2916477526038687E-3</v>
          </cell>
        </row>
        <row r="274">
          <cell r="A274" t="str">
            <v>Fam_multiramo_%C</v>
          </cell>
          <cell r="G274">
            <v>1.0890181689270969E-3</v>
          </cell>
          <cell r="H274">
            <v>8.5035956875810427E-4</v>
          </cell>
          <cell r="I274">
            <v>9.6968886884260053E-4</v>
          </cell>
          <cell r="J274">
            <v>9.6968886884260053E-4</v>
          </cell>
          <cell r="K274">
            <v>9.6968886884260053E-4</v>
          </cell>
          <cell r="L274">
            <v>9.6968886884260053E-4</v>
          </cell>
          <cell r="M274">
            <v>9.6968886884260053E-4</v>
          </cell>
          <cell r="N274">
            <v>9.6968886884260053E-4</v>
          </cell>
          <cell r="O274">
            <v>9.6968886884260053E-4</v>
          </cell>
          <cell r="P274">
            <v>9.6968886884260053E-4</v>
          </cell>
          <cell r="Q274">
            <v>9.6968886884260053E-4</v>
          </cell>
          <cell r="R274">
            <v>9.6968886884260053E-4</v>
          </cell>
          <cell r="S274">
            <v>9.6968886884260053E-4</v>
          </cell>
          <cell r="T274">
            <v>9.6968886884260053E-4</v>
          </cell>
          <cell r="U274">
            <v>9.6968886884260053E-4</v>
          </cell>
          <cell r="V274">
            <v>9.6968886884260053E-4</v>
          </cell>
          <cell r="W274">
            <v>9.6968886884260053E-4</v>
          </cell>
        </row>
        <row r="275">
          <cell r="A275" t="str">
            <v>PMI_multiramo_%C</v>
          </cell>
          <cell r="G275">
            <v>0</v>
          </cell>
          <cell r="H275">
            <v>1.2349885091867715E-3</v>
          </cell>
          <cell r="I275">
            <v>6.1749425459338577E-4</v>
          </cell>
          <cell r="J275">
            <v>6.1749425459338577E-4</v>
          </cell>
          <cell r="K275">
            <v>6.1749425459338577E-4</v>
          </cell>
          <cell r="L275">
            <v>6.1749425459338577E-4</v>
          </cell>
          <cell r="M275">
            <v>6.1749425459338577E-4</v>
          </cell>
          <cell r="N275">
            <v>6.1749425459338577E-4</v>
          </cell>
          <cell r="O275">
            <v>6.1749425459338577E-4</v>
          </cell>
          <cell r="P275">
            <v>6.1749425459338577E-4</v>
          </cell>
          <cell r="Q275">
            <v>6.1749425459338577E-4</v>
          </cell>
          <cell r="R275">
            <v>6.1749425459338577E-4</v>
          </cell>
          <cell r="S275">
            <v>6.1749425459338577E-4</v>
          </cell>
          <cell r="T275">
            <v>6.1749425459338577E-4</v>
          </cell>
          <cell r="U275">
            <v>6.1749425459338577E-4</v>
          </cell>
          <cell r="V275">
            <v>6.1749425459338577E-4</v>
          </cell>
          <cell r="W275">
            <v>6.1749425459338577E-4</v>
          </cell>
        </row>
        <row r="276">
          <cell r="A276" t="str">
            <v>ENT_multiramo_%C</v>
          </cell>
          <cell r="G276">
            <v>5.7584352078239619E-4</v>
          </cell>
          <cell r="H276">
            <v>1.2545532732975814E-3</v>
          </cell>
          <cell r="I276">
            <v>9.1519839703998887E-4</v>
          </cell>
          <cell r="J276">
            <v>9.1519839703998887E-4</v>
          </cell>
          <cell r="K276">
            <v>9.1519839703998887E-4</v>
          </cell>
          <cell r="L276">
            <v>9.1519839703998887E-4</v>
          </cell>
          <cell r="M276">
            <v>9.1519839703998887E-4</v>
          </cell>
          <cell r="N276">
            <v>9.1519839703998887E-4</v>
          </cell>
          <cell r="O276">
            <v>9.1519839703998887E-4</v>
          </cell>
          <cell r="P276">
            <v>9.1519839703998887E-4</v>
          </cell>
          <cell r="Q276">
            <v>9.1519839703998887E-4</v>
          </cell>
          <cell r="R276">
            <v>9.1519839703998887E-4</v>
          </cell>
          <cell r="S276">
            <v>9.1519839703998887E-4</v>
          </cell>
          <cell r="T276">
            <v>9.1519839703998887E-4</v>
          </cell>
          <cell r="U276">
            <v>9.1519839703998887E-4</v>
          </cell>
          <cell r="V276">
            <v>9.1519839703998887E-4</v>
          </cell>
          <cell r="W276">
            <v>9.1519839703998887E-4</v>
          </cell>
        </row>
        <row r="277">
          <cell r="A277" t="str">
            <v>Cor_multiramo_%C</v>
          </cell>
          <cell r="G277">
            <v>0</v>
          </cell>
          <cell r="H277">
            <v>0</v>
          </cell>
          <cell r="I277">
            <v>0</v>
          </cell>
          <cell r="J277">
            <v>0</v>
          </cell>
          <cell r="K277">
            <v>0</v>
          </cell>
          <cell r="L277">
            <v>0</v>
          </cell>
          <cell r="M277">
            <v>0</v>
          </cell>
          <cell r="N277">
            <v>0</v>
          </cell>
          <cell r="O277">
            <v>0</v>
          </cell>
          <cell r="P277">
            <v>0</v>
          </cell>
          <cell r="Q277">
            <v>0</v>
          </cell>
          <cell r="R277">
            <v>0</v>
          </cell>
          <cell r="S277">
            <v>0</v>
          </cell>
          <cell r="T277">
            <v>0</v>
          </cell>
          <cell r="U277">
            <v>0</v>
          </cell>
          <cell r="V277">
            <v>0</v>
          </cell>
          <cell r="W277">
            <v>0</v>
          </cell>
        </row>
        <row r="278">
          <cell r="A278" t="str">
            <v>Gra_multiramo_%C</v>
          </cell>
          <cell r="G278">
            <v>0</v>
          </cell>
          <cell r="H278">
            <v>0</v>
          </cell>
          <cell r="I278">
            <v>0</v>
          </cell>
          <cell r="J278">
            <v>0</v>
          </cell>
          <cell r="K278">
            <v>0</v>
          </cell>
          <cell r="L278">
            <v>0</v>
          </cell>
          <cell r="M278">
            <v>0</v>
          </cell>
          <cell r="N278">
            <v>0</v>
          </cell>
          <cell r="O278">
            <v>0</v>
          </cell>
          <cell r="P278">
            <v>0</v>
          </cell>
          <cell r="Q278">
            <v>0</v>
          </cell>
          <cell r="R278">
            <v>0</v>
          </cell>
          <cell r="S278">
            <v>0</v>
          </cell>
          <cell r="T278">
            <v>0</v>
          </cell>
          <cell r="U278">
            <v>0</v>
          </cell>
          <cell r="V278">
            <v>0</v>
          </cell>
          <cell r="W278">
            <v>0</v>
          </cell>
        </row>
        <row r="279">
          <cell r="A279" t="str">
            <v>FEX_multiramo_%C</v>
          </cell>
          <cell r="G279">
            <v>0</v>
          </cell>
          <cell r="H279">
            <v>0</v>
          </cell>
          <cell r="I279">
            <v>0</v>
          </cell>
          <cell r="J279">
            <v>0</v>
          </cell>
          <cell r="K279">
            <v>0</v>
          </cell>
          <cell r="L279">
            <v>0</v>
          </cell>
          <cell r="M279">
            <v>0</v>
          </cell>
          <cell r="N279">
            <v>0</v>
          </cell>
          <cell r="O279">
            <v>0</v>
          </cell>
          <cell r="P279">
            <v>0</v>
          </cell>
          <cell r="Q279">
            <v>0</v>
          </cell>
          <cell r="R279">
            <v>0</v>
          </cell>
          <cell r="S279">
            <v>0</v>
          </cell>
          <cell r="T279">
            <v>0</v>
          </cell>
          <cell r="U279">
            <v>0</v>
          </cell>
          <cell r="V279">
            <v>0</v>
          </cell>
          <cell r="W279">
            <v>0</v>
          </cell>
        </row>
        <row r="280">
          <cell r="A280" t="str">
            <v>MCL_multiramo_%C</v>
          </cell>
          <cell r="G280">
            <v>0</v>
          </cell>
          <cell r="H280">
            <v>0</v>
          </cell>
          <cell r="I280">
            <v>0</v>
          </cell>
          <cell r="J280">
            <v>0</v>
          </cell>
          <cell r="K280">
            <v>0</v>
          </cell>
          <cell r="L280">
            <v>0</v>
          </cell>
          <cell r="M280">
            <v>0</v>
          </cell>
          <cell r="N280">
            <v>0</v>
          </cell>
          <cell r="O280">
            <v>0</v>
          </cell>
          <cell r="P280">
            <v>0</v>
          </cell>
          <cell r="Q280">
            <v>0</v>
          </cell>
          <cell r="R280">
            <v>0</v>
          </cell>
          <cell r="S280">
            <v>0</v>
          </cell>
          <cell r="T280">
            <v>0</v>
          </cell>
          <cell r="U280">
            <v>0</v>
          </cell>
          <cell r="V280">
            <v>0</v>
          </cell>
          <cell r="W280">
            <v>0</v>
          </cell>
        </row>
        <row r="281">
          <cell r="A281" t="str">
            <v>MCG_multiramo_%C</v>
          </cell>
          <cell r="G281">
            <v>0</v>
          </cell>
          <cell r="H281">
            <v>0</v>
          </cell>
          <cell r="I281">
            <v>0</v>
          </cell>
          <cell r="J281">
            <v>0</v>
          </cell>
          <cell r="K281">
            <v>0</v>
          </cell>
          <cell r="L281">
            <v>0</v>
          </cell>
          <cell r="M281">
            <v>0</v>
          </cell>
          <cell r="N281">
            <v>0</v>
          </cell>
          <cell r="O281">
            <v>0</v>
          </cell>
          <cell r="P281">
            <v>0</v>
          </cell>
          <cell r="Q281">
            <v>0</v>
          </cell>
          <cell r="R281">
            <v>0</v>
          </cell>
          <cell r="S281">
            <v>0</v>
          </cell>
          <cell r="T281">
            <v>0</v>
          </cell>
          <cell r="U281">
            <v>0</v>
          </cell>
          <cell r="V281">
            <v>0</v>
          </cell>
          <cell r="W281">
            <v>0</v>
          </cell>
        </row>
        <row r="282">
          <cell r="A282" t="str">
            <v>MLE_multiramo_%C</v>
          </cell>
          <cell r="G282">
            <v>0</v>
          </cell>
          <cell r="H282">
            <v>0</v>
          </cell>
          <cell r="I282">
            <v>0</v>
          </cell>
          <cell r="J282">
            <v>0</v>
          </cell>
          <cell r="K282">
            <v>0</v>
          </cell>
          <cell r="L282">
            <v>0</v>
          </cell>
          <cell r="M282">
            <v>0</v>
          </cell>
          <cell r="N282">
            <v>0</v>
          </cell>
          <cell r="O282">
            <v>0</v>
          </cell>
          <cell r="P282">
            <v>0</v>
          </cell>
          <cell r="Q282">
            <v>0</v>
          </cell>
          <cell r="R282">
            <v>0</v>
          </cell>
          <cell r="S282">
            <v>0</v>
          </cell>
          <cell r="T282">
            <v>0</v>
          </cell>
          <cell r="U282">
            <v>0</v>
          </cell>
          <cell r="V282">
            <v>0</v>
          </cell>
          <cell r="W282">
            <v>0</v>
          </cell>
        </row>
        <row r="283">
          <cell r="A283" t="str">
            <v>MFA_multiramo_%C</v>
          </cell>
          <cell r="G283">
            <v>0</v>
          </cell>
          <cell r="H283">
            <v>0</v>
          </cell>
          <cell r="I283">
            <v>0</v>
          </cell>
          <cell r="J283">
            <v>0</v>
          </cell>
          <cell r="K283">
            <v>0</v>
          </cell>
          <cell r="L283">
            <v>0</v>
          </cell>
          <cell r="M283">
            <v>0</v>
          </cell>
          <cell r="N283">
            <v>0</v>
          </cell>
          <cell r="O283">
            <v>0</v>
          </cell>
          <cell r="P283">
            <v>0</v>
          </cell>
          <cell r="Q283">
            <v>0</v>
          </cell>
          <cell r="R283">
            <v>0</v>
          </cell>
          <cell r="S283">
            <v>0</v>
          </cell>
          <cell r="T283">
            <v>0</v>
          </cell>
          <cell r="U283">
            <v>0</v>
          </cell>
          <cell r="V283">
            <v>0</v>
          </cell>
          <cell r="W283">
            <v>0</v>
          </cell>
        </row>
        <row r="284">
          <cell r="A284" t="str">
            <v>MBQ_multiramo_%C</v>
          </cell>
          <cell r="G284">
            <v>0</v>
          </cell>
          <cell r="H284">
            <v>0</v>
          </cell>
          <cell r="I284">
            <v>0</v>
          </cell>
          <cell r="J284">
            <v>0</v>
          </cell>
          <cell r="K284">
            <v>0</v>
          </cell>
          <cell r="L284">
            <v>0</v>
          </cell>
          <cell r="M284">
            <v>0</v>
          </cell>
          <cell r="N284">
            <v>0</v>
          </cell>
          <cell r="O284">
            <v>0</v>
          </cell>
          <cell r="P284">
            <v>0</v>
          </cell>
          <cell r="Q284">
            <v>0</v>
          </cell>
          <cell r="R284">
            <v>0</v>
          </cell>
          <cell r="S284">
            <v>0</v>
          </cell>
          <cell r="T284">
            <v>0</v>
          </cell>
          <cell r="U284">
            <v>0</v>
          </cell>
          <cell r="V284">
            <v>0</v>
          </cell>
          <cell r="W284">
            <v>0</v>
          </cell>
        </row>
        <row r="285">
          <cell r="A285" t="str">
            <v>MBG_multiramo_%C</v>
          </cell>
          <cell r="G285">
            <v>0</v>
          </cell>
          <cell r="H285">
            <v>0</v>
          </cell>
          <cell r="I285">
            <v>0</v>
          </cell>
          <cell r="J285">
            <v>0</v>
          </cell>
          <cell r="K285">
            <v>0</v>
          </cell>
          <cell r="L285">
            <v>0</v>
          </cell>
          <cell r="M285">
            <v>0</v>
          </cell>
          <cell r="N285">
            <v>0</v>
          </cell>
          <cell r="O285">
            <v>0</v>
          </cell>
          <cell r="P285">
            <v>0</v>
          </cell>
          <cell r="Q285">
            <v>0</v>
          </cell>
          <cell r="R285">
            <v>0</v>
          </cell>
          <cell r="S285">
            <v>0</v>
          </cell>
          <cell r="T285">
            <v>0</v>
          </cell>
          <cell r="U285">
            <v>0</v>
          </cell>
          <cell r="V285">
            <v>0</v>
          </cell>
          <cell r="W285">
            <v>0</v>
          </cell>
        </row>
        <row r="286">
          <cell r="A286" t="str">
            <v>WID_multiramo_%C</v>
          </cell>
          <cell r="G286">
            <v>2.5687112571250387E-3</v>
          </cell>
          <cell r="H286">
            <v>1.9757418565343327E-3</v>
          </cell>
          <cell r="I286">
            <v>2.2722265568296857E-3</v>
          </cell>
          <cell r="J286">
            <v>2.2722265568296857E-3</v>
          </cell>
          <cell r="K286">
            <v>2.2722265568296857E-3</v>
          </cell>
          <cell r="L286">
            <v>2.2722265568296857E-3</v>
          </cell>
          <cell r="M286">
            <v>2.2722265568296857E-3</v>
          </cell>
          <cell r="N286">
            <v>2.2722265568296857E-3</v>
          </cell>
          <cell r="O286">
            <v>2.2722265568296857E-3</v>
          </cell>
          <cell r="P286">
            <v>2.2722265568296857E-3</v>
          </cell>
          <cell r="Q286">
            <v>2.2722265568296857E-3</v>
          </cell>
          <cell r="R286">
            <v>2.2722265568296857E-3</v>
          </cell>
          <cell r="S286">
            <v>2.2722265568296857E-3</v>
          </cell>
          <cell r="T286">
            <v>2.2722265568296857E-3</v>
          </cell>
          <cell r="U286">
            <v>2.2722265568296857E-3</v>
          </cell>
          <cell r="V286">
            <v>2.2722265568296857E-3</v>
          </cell>
          <cell r="W286">
            <v>2.2722265568296857E-3</v>
          </cell>
        </row>
        <row r="287">
          <cell r="A287" t="str">
            <v>FIN_multiramo_%C</v>
          </cell>
          <cell r="G287">
            <v>0</v>
          </cell>
          <cell r="H287">
            <v>0</v>
          </cell>
          <cell r="I287">
            <v>0</v>
          </cell>
          <cell r="J287">
            <v>0</v>
          </cell>
          <cell r="K287">
            <v>0</v>
          </cell>
          <cell r="L287">
            <v>0</v>
          </cell>
          <cell r="M287">
            <v>0</v>
          </cell>
          <cell r="N287">
            <v>0</v>
          </cell>
          <cell r="O287">
            <v>0</v>
          </cell>
          <cell r="P287">
            <v>0</v>
          </cell>
          <cell r="Q287">
            <v>0</v>
          </cell>
          <cell r="R287">
            <v>0</v>
          </cell>
          <cell r="S287">
            <v>0</v>
          </cell>
          <cell r="T287">
            <v>0</v>
          </cell>
          <cell r="U287">
            <v>0</v>
          </cell>
          <cell r="V287">
            <v>0</v>
          </cell>
          <cell r="W287">
            <v>0</v>
          </cell>
        </row>
        <row r="288">
          <cell r="A288" t="str">
            <v>ALM_multiramo_%C</v>
          </cell>
          <cell r="G288">
            <v>0</v>
          </cell>
          <cell r="H288">
            <v>0</v>
          </cell>
          <cell r="I288">
            <v>0</v>
          </cell>
          <cell r="J288">
            <v>0</v>
          </cell>
          <cell r="K288">
            <v>0</v>
          </cell>
          <cell r="L288">
            <v>0</v>
          </cell>
          <cell r="M288">
            <v>0</v>
          </cell>
          <cell r="N288">
            <v>0</v>
          </cell>
          <cell r="O288">
            <v>0</v>
          </cell>
          <cell r="P288">
            <v>0</v>
          </cell>
          <cell r="Q288">
            <v>0</v>
          </cell>
          <cell r="R288">
            <v>0</v>
          </cell>
          <cell r="S288">
            <v>0</v>
          </cell>
          <cell r="T288">
            <v>0</v>
          </cell>
          <cell r="U288">
            <v>0</v>
          </cell>
          <cell r="V288">
            <v>0</v>
          </cell>
          <cell r="W288">
            <v>0</v>
          </cell>
        </row>
        <row r="289">
          <cell r="A289" t="str">
            <v>FUO_multiramo_%C</v>
          </cell>
          <cell r="G289">
            <v>2.6824391869376845E-3</v>
          </cell>
          <cell r="H289">
            <v>2.4205401018890043E-3</v>
          </cell>
          <cell r="I289">
            <v>2.5514896444133444E-3</v>
          </cell>
          <cell r="J289">
            <v>2.5514896444133444E-3</v>
          </cell>
          <cell r="K289">
            <v>2.5514896444133444E-3</v>
          </cell>
          <cell r="L289">
            <v>2.5514896444133444E-3</v>
          </cell>
          <cell r="M289">
            <v>2.5514896444133444E-3</v>
          </cell>
          <cell r="N289">
            <v>2.5514896444133444E-3</v>
          </cell>
          <cell r="O289">
            <v>2.5514896444133444E-3</v>
          </cell>
          <cell r="P289">
            <v>2.5514896444133444E-3</v>
          </cell>
          <cell r="Q289">
            <v>2.5514896444133444E-3</v>
          </cell>
          <cell r="R289">
            <v>2.5514896444133444E-3</v>
          </cell>
          <cell r="S289">
            <v>2.5514896444133444E-3</v>
          </cell>
          <cell r="T289">
            <v>2.5514896444133444E-3</v>
          </cell>
          <cell r="U289">
            <v>2.5514896444133444E-3</v>
          </cell>
          <cell r="V289">
            <v>2.5514896444133444E-3</v>
          </cell>
          <cell r="W289">
            <v>2.5514896444133444E-3</v>
          </cell>
        </row>
        <row r="290">
          <cell r="A290" t="str">
            <v>XXX_multiramo_%C</v>
          </cell>
          <cell r="G290">
            <v>0</v>
          </cell>
          <cell r="H290">
            <v>0</v>
          </cell>
          <cell r="I290">
            <v>0</v>
          </cell>
          <cell r="J290">
            <v>0</v>
          </cell>
          <cell r="K290">
            <v>0</v>
          </cell>
          <cell r="L290">
            <v>0</v>
          </cell>
          <cell r="M290">
            <v>0</v>
          </cell>
          <cell r="N290">
            <v>0</v>
          </cell>
          <cell r="O290">
            <v>0</v>
          </cell>
          <cell r="P290">
            <v>0</v>
          </cell>
          <cell r="Q290">
            <v>0</v>
          </cell>
          <cell r="R290">
            <v>0</v>
          </cell>
          <cell r="S290">
            <v>0</v>
          </cell>
          <cell r="T290">
            <v>0</v>
          </cell>
          <cell r="U290">
            <v>0</v>
          </cell>
          <cell r="V290">
            <v>0</v>
          </cell>
          <cell r="W290">
            <v>0</v>
          </cell>
        </row>
        <row r="291">
          <cell r="G291">
            <v>0</v>
          </cell>
          <cell r="H291">
            <v>0</v>
          </cell>
          <cell r="I291">
            <v>0</v>
          </cell>
          <cell r="J291">
            <v>0</v>
          </cell>
          <cell r="K291">
            <v>0</v>
          </cell>
          <cell r="L291">
            <v>0</v>
          </cell>
          <cell r="M291">
            <v>0</v>
          </cell>
          <cell r="N291">
            <v>0</v>
          </cell>
          <cell r="O291">
            <v>0</v>
          </cell>
          <cell r="P291">
            <v>0</v>
          </cell>
          <cell r="Q291">
            <v>0</v>
          </cell>
          <cell r="R291">
            <v>0</v>
          </cell>
          <cell r="S291">
            <v>0</v>
          </cell>
          <cell r="T291">
            <v>0</v>
          </cell>
          <cell r="U291">
            <v>0</v>
          </cell>
          <cell r="V291">
            <v>0</v>
          </cell>
          <cell r="W291">
            <v>0</v>
          </cell>
        </row>
        <row r="292">
          <cell r="A292" t="str">
            <v>Val_unit_%C</v>
          </cell>
          <cell r="G292">
            <v>6.1019510925799838E-4</v>
          </cell>
          <cell r="H292">
            <v>6.5318235596541826E-4</v>
          </cell>
          <cell r="I292">
            <v>6.3168873261170832E-4</v>
          </cell>
          <cell r="J292">
            <v>6.3168873261170832E-4</v>
          </cell>
          <cell r="K292">
            <v>6.3168873261170832E-4</v>
          </cell>
          <cell r="L292">
            <v>6.3168873261170832E-4</v>
          </cell>
          <cell r="M292">
            <v>6.3168873261170832E-4</v>
          </cell>
          <cell r="N292">
            <v>6.3168873261170832E-4</v>
          </cell>
          <cell r="O292">
            <v>6.3168873261170832E-4</v>
          </cell>
          <cell r="P292">
            <v>6.3168873261170832E-4</v>
          </cell>
          <cell r="Q292">
            <v>6.3168873261170832E-4</v>
          </cell>
          <cell r="R292">
            <v>6.3168873261170832E-4</v>
          </cell>
          <cell r="S292">
            <v>6.3168873261170832E-4</v>
          </cell>
          <cell r="T292">
            <v>6.3168873261170832E-4</v>
          </cell>
          <cell r="U292">
            <v>6.3168873261170832E-4</v>
          </cell>
          <cell r="V292">
            <v>6.3168873261170832E-4</v>
          </cell>
          <cell r="W292">
            <v>6.3168873261170832E-4</v>
          </cell>
          <cell r="Y292">
            <v>0</v>
          </cell>
          <cell r="Z292">
            <v>0</v>
          </cell>
        </row>
        <row r="293">
          <cell r="A293" t="str">
            <v>Pre_unit_%C</v>
          </cell>
          <cell r="G293">
            <v>7.6195316412919916E-4</v>
          </cell>
          <cell r="H293">
            <v>7.6929855811942792E-4</v>
          </cell>
          <cell r="I293">
            <v>7.656258611243136E-4</v>
          </cell>
          <cell r="J293">
            <v>7.656258611243136E-4</v>
          </cell>
          <cell r="K293">
            <v>7.656258611243136E-4</v>
          </cell>
          <cell r="L293">
            <v>7.656258611243136E-4</v>
          </cell>
          <cell r="M293">
            <v>7.656258611243136E-4</v>
          </cell>
          <cell r="N293">
            <v>7.656258611243136E-4</v>
          </cell>
          <cell r="O293">
            <v>7.656258611243136E-4</v>
          </cell>
          <cell r="P293">
            <v>7.656258611243136E-4</v>
          </cell>
          <cell r="Q293">
            <v>7.656258611243136E-4</v>
          </cell>
          <cell r="R293">
            <v>7.656258611243136E-4</v>
          </cell>
          <cell r="S293">
            <v>7.656258611243136E-4</v>
          </cell>
          <cell r="T293">
            <v>7.656258611243136E-4</v>
          </cell>
          <cell r="U293">
            <v>7.656258611243136E-4</v>
          </cell>
          <cell r="V293">
            <v>7.656258611243136E-4</v>
          </cell>
          <cell r="W293">
            <v>7.656258611243136E-4</v>
          </cell>
        </row>
        <row r="294">
          <cell r="A294" t="str">
            <v>Sma_unit_%C</v>
          </cell>
          <cell r="G294">
            <v>9.1709708141023757E-4</v>
          </cell>
          <cell r="H294">
            <v>8.6939519916793401E-4</v>
          </cell>
          <cell r="I294">
            <v>8.9324614028908579E-4</v>
          </cell>
          <cell r="J294">
            <v>8.9324614028908579E-4</v>
          </cell>
          <cell r="K294">
            <v>8.9324614028908579E-4</v>
          </cell>
          <cell r="L294">
            <v>8.9324614028908579E-4</v>
          </cell>
          <cell r="M294">
            <v>8.9324614028908579E-4</v>
          </cell>
          <cell r="N294">
            <v>8.9324614028908579E-4</v>
          </cell>
          <cell r="O294">
            <v>8.9324614028908579E-4</v>
          </cell>
          <cell r="P294">
            <v>8.9324614028908579E-4</v>
          </cell>
          <cell r="Q294">
            <v>8.9324614028908579E-4</v>
          </cell>
          <cell r="R294">
            <v>8.9324614028908579E-4</v>
          </cell>
          <cell r="S294">
            <v>8.9324614028908579E-4</v>
          </cell>
          <cell r="T294">
            <v>8.9324614028908579E-4</v>
          </cell>
          <cell r="U294">
            <v>8.9324614028908579E-4</v>
          </cell>
          <cell r="V294">
            <v>8.9324614028908579E-4</v>
          </cell>
          <cell r="W294">
            <v>8.9324614028908579E-4</v>
          </cell>
        </row>
        <row r="295">
          <cell r="A295" t="str">
            <v>Pri_unit_%C</v>
          </cell>
          <cell r="G295">
            <v>1.3567590582290016E-3</v>
          </cell>
          <cell r="H295">
            <v>1.3428604973463837E-3</v>
          </cell>
          <cell r="I295">
            <v>1.3498097777876928E-3</v>
          </cell>
          <cell r="J295">
            <v>1.3498097777876928E-3</v>
          </cell>
          <cell r="K295">
            <v>1.3498097777876928E-3</v>
          </cell>
          <cell r="L295">
            <v>1.3498097777876928E-3</v>
          </cell>
          <cell r="M295">
            <v>1.3498097777876928E-3</v>
          </cell>
          <cell r="N295">
            <v>1.3498097777876928E-3</v>
          </cell>
          <cell r="O295">
            <v>1.3498097777876928E-3</v>
          </cell>
          <cell r="P295">
            <v>1.3498097777876928E-3</v>
          </cell>
          <cell r="Q295">
            <v>1.3498097777876928E-3</v>
          </cell>
          <cell r="R295">
            <v>1.3498097777876928E-3</v>
          </cell>
          <cell r="S295">
            <v>1.3498097777876928E-3</v>
          </cell>
          <cell r="T295">
            <v>1.3498097777876928E-3</v>
          </cell>
          <cell r="U295">
            <v>1.3498097777876928E-3</v>
          </cell>
          <cell r="V295">
            <v>1.3498097777876928E-3</v>
          </cell>
          <cell r="W295">
            <v>1.3498097777876928E-3</v>
          </cell>
        </row>
        <row r="296">
          <cell r="A296" t="str">
            <v>Fam_unit_%C</v>
          </cell>
          <cell r="G296">
            <v>9.0364913049799215E-4</v>
          </cell>
          <cell r="H296">
            <v>8.4349969841754694E-4</v>
          </cell>
          <cell r="I296">
            <v>8.7357441445776954E-4</v>
          </cell>
          <cell r="J296">
            <v>8.7357441445776954E-4</v>
          </cell>
          <cell r="K296">
            <v>8.7357441445776954E-4</v>
          </cell>
          <cell r="L296">
            <v>8.7357441445776954E-4</v>
          </cell>
          <cell r="M296">
            <v>8.7357441445776954E-4</v>
          </cell>
          <cell r="N296">
            <v>8.7357441445776954E-4</v>
          </cell>
          <cell r="O296">
            <v>8.7357441445776954E-4</v>
          </cell>
          <cell r="P296">
            <v>8.7357441445776954E-4</v>
          </cell>
          <cell r="Q296">
            <v>8.7357441445776954E-4</v>
          </cell>
          <cell r="R296">
            <v>8.7357441445776954E-4</v>
          </cell>
          <cell r="S296">
            <v>8.7357441445776954E-4</v>
          </cell>
          <cell r="T296">
            <v>8.7357441445776954E-4</v>
          </cell>
          <cell r="U296">
            <v>8.7357441445776954E-4</v>
          </cell>
          <cell r="V296">
            <v>8.7357441445776954E-4</v>
          </cell>
          <cell r="W296">
            <v>8.7357441445776954E-4</v>
          </cell>
        </row>
        <row r="297">
          <cell r="A297" t="str">
            <v>PMI_unit_%C</v>
          </cell>
          <cell r="G297">
            <v>0</v>
          </cell>
          <cell r="H297">
            <v>1.5915528696163407E-3</v>
          </cell>
          <cell r="I297">
            <v>7.9577643480817036E-4</v>
          </cell>
          <cell r="J297">
            <v>7.9577643480817036E-4</v>
          </cell>
          <cell r="K297">
            <v>7.9577643480817036E-4</v>
          </cell>
          <cell r="L297">
            <v>7.9577643480817036E-4</v>
          </cell>
          <cell r="M297">
            <v>7.9577643480817036E-4</v>
          </cell>
          <cell r="N297">
            <v>7.9577643480817036E-4</v>
          </cell>
          <cell r="O297">
            <v>7.9577643480817036E-4</v>
          </cell>
          <cell r="P297">
            <v>7.9577643480817036E-4</v>
          </cell>
          <cell r="Q297">
            <v>7.9577643480817036E-4</v>
          </cell>
          <cell r="R297">
            <v>7.9577643480817036E-4</v>
          </cell>
          <cell r="S297">
            <v>7.9577643480817036E-4</v>
          </cell>
          <cell r="T297">
            <v>7.9577643480817036E-4</v>
          </cell>
          <cell r="U297">
            <v>7.9577643480817036E-4</v>
          </cell>
          <cell r="V297">
            <v>7.9577643480817036E-4</v>
          </cell>
          <cell r="W297">
            <v>7.9577643480817036E-4</v>
          </cell>
        </row>
        <row r="298">
          <cell r="A298" t="str">
            <v>ENT_unit_%C</v>
          </cell>
          <cell r="G298">
            <v>5.1699099622422306E-4</v>
          </cell>
          <cell r="H298">
            <v>-9.8876948397715152E-3</v>
          </cell>
          <cell r="I298">
            <v>-4.6853519217736461E-3</v>
          </cell>
          <cell r="J298">
            <v>-4.6853519217736461E-3</v>
          </cell>
          <cell r="K298">
            <v>-4.6853519217736461E-3</v>
          </cell>
          <cell r="L298">
            <v>-4.6853519217736461E-3</v>
          </cell>
          <cell r="M298">
            <v>-4.6853519217736461E-3</v>
          </cell>
          <cell r="N298">
            <v>-4.6853519217736461E-3</v>
          </cell>
          <cell r="O298">
            <v>-4.6853519217736461E-3</v>
          </cell>
          <cell r="P298">
            <v>-4.6853519217736461E-3</v>
          </cell>
          <cell r="Q298">
            <v>-4.6853519217736461E-3</v>
          </cell>
          <cell r="R298">
            <v>-4.6853519217736461E-3</v>
          </cell>
          <cell r="S298">
            <v>-4.6853519217736461E-3</v>
          </cell>
          <cell r="T298">
            <v>-4.6853519217736461E-3</v>
          </cell>
          <cell r="U298">
            <v>-4.6853519217736461E-3</v>
          </cell>
          <cell r="V298">
            <v>-4.6853519217736461E-3</v>
          </cell>
          <cell r="W298">
            <v>-4.6853519217736461E-3</v>
          </cell>
        </row>
        <row r="299">
          <cell r="A299" t="str">
            <v>Cor_unit_%C</v>
          </cell>
          <cell r="G299">
            <v>0</v>
          </cell>
          <cell r="H299">
            <v>0</v>
          </cell>
          <cell r="I299">
            <v>0</v>
          </cell>
          <cell r="J299">
            <v>0</v>
          </cell>
          <cell r="K299">
            <v>0</v>
          </cell>
          <cell r="L299">
            <v>0</v>
          </cell>
          <cell r="M299">
            <v>0</v>
          </cell>
          <cell r="N299">
            <v>0</v>
          </cell>
          <cell r="O299">
            <v>0</v>
          </cell>
          <cell r="P299">
            <v>0</v>
          </cell>
          <cell r="Q299">
            <v>0</v>
          </cell>
          <cell r="R299">
            <v>0</v>
          </cell>
          <cell r="S299">
            <v>0</v>
          </cell>
          <cell r="T299">
            <v>0</v>
          </cell>
          <cell r="U299">
            <v>0</v>
          </cell>
          <cell r="V299">
            <v>0</v>
          </cell>
          <cell r="W299">
            <v>0</v>
          </cell>
        </row>
        <row r="300">
          <cell r="A300" t="str">
            <v>Gra_unit_%C</v>
          </cell>
          <cell r="G300">
            <v>0</v>
          </cell>
          <cell r="H300">
            <v>0</v>
          </cell>
          <cell r="I300">
            <v>0</v>
          </cell>
          <cell r="J300">
            <v>0</v>
          </cell>
          <cell r="K300">
            <v>0</v>
          </cell>
          <cell r="L300">
            <v>0</v>
          </cell>
          <cell r="M300">
            <v>0</v>
          </cell>
          <cell r="N300">
            <v>0</v>
          </cell>
          <cell r="O300">
            <v>0</v>
          </cell>
          <cell r="P300">
            <v>0</v>
          </cell>
          <cell r="Q300">
            <v>0</v>
          </cell>
          <cell r="R300">
            <v>0</v>
          </cell>
          <cell r="S300">
            <v>0</v>
          </cell>
          <cell r="T300">
            <v>0</v>
          </cell>
          <cell r="U300">
            <v>0</v>
          </cell>
          <cell r="V300">
            <v>0</v>
          </cell>
          <cell r="W300">
            <v>0</v>
          </cell>
        </row>
        <row r="301">
          <cell r="A301" t="str">
            <v>FEX_unit_%C</v>
          </cell>
          <cell r="G301">
            <v>0</v>
          </cell>
          <cell r="H301">
            <v>0</v>
          </cell>
          <cell r="I301">
            <v>0</v>
          </cell>
          <cell r="J301">
            <v>0</v>
          </cell>
          <cell r="K301">
            <v>0</v>
          </cell>
          <cell r="L301">
            <v>0</v>
          </cell>
          <cell r="M301">
            <v>0</v>
          </cell>
          <cell r="N301">
            <v>0</v>
          </cell>
          <cell r="O301">
            <v>0</v>
          </cell>
          <cell r="P301">
            <v>0</v>
          </cell>
          <cell r="Q301">
            <v>0</v>
          </cell>
          <cell r="R301">
            <v>0</v>
          </cell>
          <cell r="S301">
            <v>0</v>
          </cell>
          <cell r="T301">
            <v>0</v>
          </cell>
          <cell r="U301">
            <v>0</v>
          </cell>
          <cell r="V301">
            <v>0</v>
          </cell>
          <cell r="W301">
            <v>0</v>
          </cell>
        </row>
        <row r="302">
          <cell r="A302" t="str">
            <v>MCL_unit_%C</v>
          </cell>
          <cell r="G302">
            <v>0</v>
          </cell>
          <cell r="H302">
            <v>0</v>
          </cell>
          <cell r="I302">
            <v>0</v>
          </cell>
          <cell r="J302">
            <v>0</v>
          </cell>
          <cell r="K302">
            <v>0</v>
          </cell>
          <cell r="L302">
            <v>0</v>
          </cell>
          <cell r="M302">
            <v>0</v>
          </cell>
          <cell r="N302">
            <v>0</v>
          </cell>
          <cell r="O302">
            <v>0</v>
          </cell>
          <cell r="P302">
            <v>0</v>
          </cell>
          <cell r="Q302">
            <v>0</v>
          </cell>
          <cell r="R302">
            <v>0</v>
          </cell>
          <cell r="S302">
            <v>0</v>
          </cell>
          <cell r="T302">
            <v>0</v>
          </cell>
          <cell r="U302">
            <v>0</v>
          </cell>
          <cell r="V302">
            <v>0</v>
          </cell>
          <cell r="W302">
            <v>0</v>
          </cell>
        </row>
        <row r="303">
          <cell r="A303" t="str">
            <v>MCG_unit_%C</v>
          </cell>
          <cell r="G303">
            <v>0</v>
          </cell>
          <cell r="H303">
            <v>0</v>
          </cell>
          <cell r="I303">
            <v>0</v>
          </cell>
          <cell r="J303">
            <v>0</v>
          </cell>
          <cell r="K303">
            <v>0</v>
          </cell>
          <cell r="L303">
            <v>0</v>
          </cell>
          <cell r="M303">
            <v>0</v>
          </cell>
          <cell r="N303">
            <v>0</v>
          </cell>
          <cell r="O303">
            <v>0</v>
          </cell>
          <cell r="P303">
            <v>0</v>
          </cell>
          <cell r="Q303">
            <v>0</v>
          </cell>
          <cell r="R303">
            <v>0</v>
          </cell>
          <cell r="S303">
            <v>0</v>
          </cell>
          <cell r="T303">
            <v>0</v>
          </cell>
          <cell r="U303">
            <v>0</v>
          </cell>
          <cell r="V303">
            <v>0</v>
          </cell>
          <cell r="W303">
            <v>0</v>
          </cell>
        </row>
        <row r="304">
          <cell r="A304" t="str">
            <v>MLE_unit_%C</v>
          </cell>
          <cell r="G304">
            <v>0</v>
          </cell>
          <cell r="H304">
            <v>0</v>
          </cell>
          <cell r="I304">
            <v>0</v>
          </cell>
          <cell r="J304">
            <v>0</v>
          </cell>
          <cell r="K304">
            <v>0</v>
          </cell>
          <cell r="L304">
            <v>0</v>
          </cell>
          <cell r="M304">
            <v>0</v>
          </cell>
          <cell r="N304">
            <v>0</v>
          </cell>
          <cell r="O304">
            <v>0</v>
          </cell>
          <cell r="P304">
            <v>0</v>
          </cell>
          <cell r="Q304">
            <v>0</v>
          </cell>
          <cell r="R304">
            <v>0</v>
          </cell>
          <cell r="S304">
            <v>0</v>
          </cell>
          <cell r="T304">
            <v>0</v>
          </cell>
          <cell r="U304">
            <v>0</v>
          </cell>
          <cell r="V304">
            <v>0</v>
          </cell>
          <cell r="W304">
            <v>0</v>
          </cell>
        </row>
        <row r="305">
          <cell r="A305" t="str">
            <v>MFA_unit_%C</v>
          </cell>
          <cell r="G305">
            <v>0</v>
          </cell>
          <cell r="H305">
            <v>0</v>
          </cell>
          <cell r="I305">
            <v>0</v>
          </cell>
          <cell r="J305">
            <v>0</v>
          </cell>
          <cell r="K305">
            <v>0</v>
          </cell>
          <cell r="L305">
            <v>0</v>
          </cell>
          <cell r="M305">
            <v>0</v>
          </cell>
          <cell r="N305">
            <v>0</v>
          </cell>
          <cell r="O305">
            <v>0</v>
          </cell>
          <cell r="P305">
            <v>0</v>
          </cell>
          <cell r="Q305">
            <v>0</v>
          </cell>
          <cell r="R305">
            <v>0</v>
          </cell>
          <cell r="S305">
            <v>0</v>
          </cell>
          <cell r="T305">
            <v>0</v>
          </cell>
          <cell r="U305">
            <v>0</v>
          </cell>
          <cell r="V305">
            <v>0</v>
          </cell>
          <cell r="W305">
            <v>0</v>
          </cell>
        </row>
        <row r="306">
          <cell r="A306" t="str">
            <v>MBQ_unit_%C</v>
          </cell>
          <cell r="G306">
            <v>0</v>
          </cell>
          <cell r="H306">
            <v>0</v>
          </cell>
          <cell r="I306">
            <v>0</v>
          </cell>
          <cell r="J306">
            <v>0</v>
          </cell>
          <cell r="K306">
            <v>0</v>
          </cell>
          <cell r="L306">
            <v>0</v>
          </cell>
          <cell r="M306">
            <v>0</v>
          </cell>
          <cell r="N306">
            <v>0</v>
          </cell>
          <cell r="O306">
            <v>0</v>
          </cell>
          <cell r="P306">
            <v>0</v>
          </cell>
          <cell r="Q306">
            <v>0</v>
          </cell>
          <cell r="R306">
            <v>0</v>
          </cell>
          <cell r="S306">
            <v>0</v>
          </cell>
          <cell r="T306">
            <v>0</v>
          </cell>
          <cell r="U306">
            <v>0</v>
          </cell>
          <cell r="V306">
            <v>0</v>
          </cell>
          <cell r="W306">
            <v>0</v>
          </cell>
        </row>
        <row r="307">
          <cell r="A307" t="str">
            <v>MBG_unit_%C</v>
          </cell>
          <cell r="G307">
            <v>0</v>
          </cell>
          <cell r="H307">
            <v>0</v>
          </cell>
          <cell r="I307">
            <v>0</v>
          </cell>
          <cell r="J307">
            <v>0</v>
          </cell>
          <cell r="K307">
            <v>0</v>
          </cell>
          <cell r="L307">
            <v>0</v>
          </cell>
          <cell r="M307">
            <v>0</v>
          </cell>
          <cell r="N307">
            <v>0</v>
          </cell>
          <cell r="O307">
            <v>0</v>
          </cell>
          <cell r="P307">
            <v>0</v>
          </cell>
          <cell r="Q307">
            <v>0</v>
          </cell>
          <cell r="R307">
            <v>0</v>
          </cell>
          <cell r="S307">
            <v>0</v>
          </cell>
          <cell r="T307">
            <v>0</v>
          </cell>
          <cell r="U307">
            <v>0</v>
          </cell>
          <cell r="V307">
            <v>0</v>
          </cell>
          <cell r="W307">
            <v>0</v>
          </cell>
        </row>
        <row r="308">
          <cell r="A308" t="str">
            <v>WID_unit_%C</v>
          </cell>
          <cell r="G308">
            <v>2.8507775922176864E-3</v>
          </cell>
          <cell r="H308">
            <v>1.9757418565343331E-3</v>
          </cell>
          <cell r="I308">
            <v>2.4132597243760098E-3</v>
          </cell>
          <cell r="J308">
            <v>2.4132597243760098E-3</v>
          </cell>
          <cell r="K308">
            <v>2.4132597243760098E-3</v>
          </cell>
          <cell r="L308">
            <v>2.4132597243760098E-3</v>
          </cell>
          <cell r="M308">
            <v>2.4132597243760098E-3</v>
          </cell>
          <cell r="N308">
            <v>2.4132597243760098E-3</v>
          </cell>
          <cell r="O308">
            <v>2.4132597243760098E-3</v>
          </cell>
          <cell r="P308">
            <v>2.4132597243760098E-3</v>
          </cell>
          <cell r="Q308">
            <v>2.4132597243760098E-3</v>
          </cell>
          <cell r="R308">
            <v>2.4132597243760098E-3</v>
          </cell>
          <cell r="S308">
            <v>2.4132597243760098E-3</v>
          </cell>
          <cell r="T308">
            <v>2.4132597243760098E-3</v>
          </cell>
          <cell r="U308">
            <v>2.4132597243760098E-3</v>
          </cell>
          <cell r="V308">
            <v>2.4132597243760098E-3</v>
          </cell>
          <cell r="W308">
            <v>2.4132597243760098E-3</v>
          </cell>
        </row>
        <row r="309">
          <cell r="A309" t="str">
            <v>FIN_unit_%C</v>
          </cell>
          <cell r="G309">
            <v>0</v>
          </cell>
          <cell r="H309">
            <v>0</v>
          </cell>
          <cell r="I309">
            <v>0</v>
          </cell>
          <cell r="J309">
            <v>0</v>
          </cell>
          <cell r="K309">
            <v>0</v>
          </cell>
          <cell r="L309">
            <v>0</v>
          </cell>
          <cell r="M309">
            <v>0</v>
          </cell>
          <cell r="N309">
            <v>0</v>
          </cell>
          <cell r="O309">
            <v>0</v>
          </cell>
          <cell r="P309">
            <v>0</v>
          </cell>
          <cell r="Q309">
            <v>0</v>
          </cell>
          <cell r="R309">
            <v>0</v>
          </cell>
          <cell r="S309">
            <v>0</v>
          </cell>
          <cell r="T309">
            <v>0</v>
          </cell>
          <cell r="U309">
            <v>0</v>
          </cell>
          <cell r="V309">
            <v>0</v>
          </cell>
          <cell r="W309">
            <v>0</v>
          </cell>
        </row>
        <row r="310">
          <cell r="A310" t="str">
            <v>ALM_unit_%C</v>
          </cell>
          <cell r="G310">
            <v>0</v>
          </cell>
          <cell r="H310">
            <v>0</v>
          </cell>
          <cell r="I310">
            <v>0</v>
          </cell>
          <cell r="J310">
            <v>0</v>
          </cell>
          <cell r="K310">
            <v>0</v>
          </cell>
          <cell r="L310">
            <v>0</v>
          </cell>
          <cell r="M310">
            <v>0</v>
          </cell>
          <cell r="N310">
            <v>0</v>
          </cell>
          <cell r="O310">
            <v>0</v>
          </cell>
          <cell r="P310">
            <v>0</v>
          </cell>
          <cell r="Q310">
            <v>0</v>
          </cell>
          <cell r="R310">
            <v>0</v>
          </cell>
          <cell r="S310">
            <v>0</v>
          </cell>
          <cell r="T310">
            <v>0</v>
          </cell>
          <cell r="U310">
            <v>0</v>
          </cell>
          <cell r="V310">
            <v>0</v>
          </cell>
          <cell r="W310">
            <v>0</v>
          </cell>
        </row>
        <row r="311">
          <cell r="A311" t="str">
            <v>FUO_unit_%C</v>
          </cell>
          <cell r="G311">
            <v>6.9931869917391287E-4</v>
          </cell>
          <cell r="H311">
            <v>7.1321272287897593E-4</v>
          </cell>
          <cell r="I311">
            <v>7.062657110264444E-4</v>
          </cell>
          <cell r="J311">
            <v>7.062657110264444E-4</v>
          </cell>
          <cell r="K311">
            <v>7.062657110264444E-4</v>
          </cell>
          <cell r="L311">
            <v>7.062657110264444E-4</v>
          </cell>
          <cell r="M311">
            <v>7.062657110264444E-4</v>
          </cell>
          <cell r="N311">
            <v>7.062657110264444E-4</v>
          </cell>
          <cell r="O311">
            <v>7.062657110264444E-4</v>
          </cell>
          <cell r="P311">
            <v>7.062657110264444E-4</v>
          </cell>
          <cell r="Q311">
            <v>7.062657110264444E-4</v>
          </cell>
          <cell r="R311">
            <v>7.062657110264444E-4</v>
          </cell>
          <cell r="S311">
            <v>7.062657110264444E-4</v>
          </cell>
          <cell r="T311">
            <v>7.062657110264444E-4</v>
          </cell>
          <cell r="U311">
            <v>7.062657110264444E-4</v>
          </cell>
          <cell r="V311">
            <v>7.062657110264444E-4</v>
          </cell>
          <cell r="W311">
            <v>7.062657110264444E-4</v>
          </cell>
        </row>
        <row r="312">
          <cell r="A312" t="str">
            <v>XXX_unit_%C</v>
          </cell>
          <cell r="G312">
            <v>0</v>
          </cell>
          <cell r="H312">
            <v>0</v>
          </cell>
          <cell r="I312">
            <v>0</v>
          </cell>
          <cell r="J312">
            <v>0</v>
          </cell>
          <cell r="K312">
            <v>0</v>
          </cell>
          <cell r="L312">
            <v>0</v>
          </cell>
          <cell r="M312">
            <v>0</v>
          </cell>
          <cell r="N312">
            <v>0</v>
          </cell>
          <cell r="O312">
            <v>0</v>
          </cell>
          <cell r="P312">
            <v>0</v>
          </cell>
          <cell r="Q312">
            <v>0</v>
          </cell>
          <cell r="R312">
            <v>0</v>
          </cell>
          <cell r="S312">
            <v>0</v>
          </cell>
          <cell r="T312">
            <v>0</v>
          </cell>
          <cell r="U312">
            <v>0</v>
          </cell>
          <cell r="V312">
            <v>0</v>
          </cell>
          <cell r="W312">
            <v>0</v>
          </cell>
        </row>
        <row r="313">
          <cell r="G313">
            <v>0</v>
          </cell>
          <cell r="H313">
            <v>0</v>
          </cell>
          <cell r="I313">
            <v>0</v>
          </cell>
          <cell r="J313">
            <v>0</v>
          </cell>
          <cell r="K313">
            <v>0</v>
          </cell>
          <cell r="L313">
            <v>0</v>
          </cell>
          <cell r="M313">
            <v>0</v>
          </cell>
          <cell r="N313">
            <v>0</v>
          </cell>
          <cell r="O313">
            <v>0</v>
          </cell>
          <cell r="P313">
            <v>0</v>
          </cell>
          <cell r="Q313">
            <v>0</v>
          </cell>
          <cell r="R313">
            <v>0</v>
          </cell>
          <cell r="S313">
            <v>0</v>
          </cell>
          <cell r="T313">
            <v>0</v>
          </cell>
          <cell r="U313">
            <v>0</v>
          </cell>
          <cell r="V313">
            <v>0</v>
          </cell>
          <cell r="W313">
            <v>0</v>
          </cell>
        </row>
        <row r="314">
          <cell r="A314" t="str">
            <v>Val_previdenza_%C</v>
          </cell>
          <cell r="G314">
            <v>1.3990204943909461E-3</v>
          </cell>
          <cell r="H314">
            <v>1.2474000337290483E-3</v>
          </cell>
          <cell r="I314">
            <v>1.3232102640599972E-3</v>
          </cell>
          <cell r="J314">
            <v>1.3232102640599972E-3</v>
          </cell>
          <cell r="K314">
            <v>1.3232102640599972E-3</v>
          </cell>
          <cell r="L314">
            <v>1.3232102640599972E-3</v>
          </cell>
          <cell r="M314">
            <v>1.3232102640599972E-3</v>
          </cell>
          <cell r="N314">
            <v>1.3232102640599972E-3</v>
          </cell>
          <cell r="O314">
            <v>1.3232102640599972E-3</v>
          </cell>
          <cell r="P314">
            <v>1.3232102640599972E-3</v>
          </cell>
          <cell r="Q314">
            <v>1.3232102640599972E-3</v>
          </cell>
          <cell r="R314">
            <v>1.3232102640599972E-3</v>
          </cell>
          <cell r="S314">
            <v>1.3232102640599972E-3</v>
          </cell>
          <cell r="T314">
            <v>1.3232102640599972E-3</v>
          </cell>
          <cell r="U314">
            <v>1.3232102640599972E-3</v>
          </cell>
          <cell r="V314">
            <v>1.3232102640599972E-3</v>
          </cell>
          <cell r="W314">
            <v>1.3232102640599972E-3</v>
          </cell>
          <cell r="Y314">
            <v>0</v>
          </cell>
          <cell r="Z314">
            <v>0</v>
          </cell>
        </row>
        <row r="315">
          <cell r="A315" t="str">
            <v>Pre_previdenza_%C</v>
          </cell>
          <cell r="G315">
            <v>1.4462017521735403E-3</v>
          </cell>
          <cell r="H315">
            <v>1.1847832134769627E-3</v>
          </cell>
          <cell r="I315">
            <v>1.3154924828252515E-3</v>
          </cell>
          <cell r="J315">
            <v>1.3154924828252515E-3</v>
          </cell>
          <cell r="K315">
            <v>1.3154924828252515E-3</v>
          </cell>
          <cell r="L315">
            <v>1.3154924828252515E-3</v>
          </cell>
          <cell r="M315">
            <v>1.3154924828252515E-3</v>
          </cell>
          <cell r="N315">
            <v>1.3154924828252515E-3</v>
          </cell>
          <cell r="O315">
            <v>1.3154924828252515E-3</v>
          </cell>
          <cell r="P315">
            <v>1.3154924828252515E-3</v>
          </cell>
          <cell r="Q315">
            <v>1.3154924828252515E-3</v>
          </cell>
          <cell r="R315">
            <v>1.3154924828252515E-3</v>
          </cell>
          <cell r="S315">
            <v>1.3154924828252515E-3</v>
          </cell>
          <cell r="T315">
            <v>1.3154924828252515E-3</v>
          </cell>
          <cell r="U315">
            <v>1.3154924828252515E-3</v>
          </cell>
          <cell r="V315">
            <v>1.3154924828252515E-3</v>
          </cell>
          <cell r="W315">
            <v>1.3154924828252515E-3</v>
          </cell>
        </row>
        <row r="316">
          <cell r="A316" t="str">
            <v>Sma_previdenza_%C</v>
          </cell>
          <cell r="G316">
            <v>1.4411659343011914E-3</v>
          </cell>
          <cell r="H316">
            <v>1.3235536196166448E-3</v>
          </cell>
          <cell r="I316">
            <v>1.3823597769589181E-3</v>
          </cell>
          <cell r="J316">
            <v>1.3823597769589181E-3</v>
          </cell>
          <cell r="K316">
            <v>1.3823597769589181E-3</v>
          </cell>
          <cell r="L316">
            <v>1.3823597769589181E-3</v>
          </cell>
          <cell r="M316">
            <v>1.3823597769589181E-3</v>
          </cell>
          <cell r="N316">
            <v>1.3823597769589181E-3</v>
          </cell>
          <cell r="O316">
            <v>1.3823597769589181E-3</v>
          </cell>
          <cell r="P316">
            <v>1.3823597769589181E-3</v>
          </cell>
          <cell r="Q316">
            <v>1.3823597769589181E-3</v>
          </cell>
          <cell r="R316">
            <v>1.3823597769589181E-3</v>
          </cell>
          <cell r="S316">
            <v>1.3823597769589181E-3</v>
          </cell>
          <cell r="T316">
            <v>1.3823597769589181E-3</v>
          </cell>
          <cell r="U316">
            <v>1.3823597769589181E-3</v>
          </cell>
          <cell r="V316">
            <v>1.3823597769589181E-3</v>
          </cell>
          <cell r="W316">
            <v>1.3823597769589181E-3</v>
          </cell>
        </row>
        <row r="317">
          <cell r="A317" t="str">
            <v>Pri_previdenza_%C</v>
          </cell>
          <cell r="G317">
            <v>1.4025133746216668E-3</v>
          </cell>
          <cell r="H317">
            <v>1.2834782188806868E-3</v>
          </cell>
          <cell r="I317">
            <v>1.3429957967511768E-3</v>
          </cell>
          <cell r="J317">
            <v>1.3429957967511768E-3</v>
          </cell>
          <cell r="K317">
            <v>1.3429957967511768E-3</v>
          </cell>
          <cell r="L317">
            <v>1.3429957967511768E-3</v>
          </cell>
          <cell r="M317">
            <v>1.3429957967511768E-3</v>
          </cell>
          <cell r="N317">
            <v>1.3429957967511768E-3</v>
          </cell>
          <cell r="O317">
            <v>1.3429957967511768E-3</v>
          </cell>
          <cell r="P317">
            <v>1.3429957967511768E-3</v>
          </cell>
          <cell r="Q317">
            <v>1.3429957967511768E-3</v>
          </cell>
          <cell r="R317">
            <v>1.3429957967511768E-3</v>
          </cell>
          <cell r="S317">
            <v>1.3429957967511768E-3</v>
          </cell>
          <cell r="T317">
            <v>1.3429957967511768E-3</v>
          </cell>
          <cell r="U317">
            <v>1.3429957967511768E-3</v>
          </cell>
          <cell r="V317">
            <v>1.3429957967511768E-3</v>
          </cell>
          <cell r="W317">
            <v>1.3429957967511768E-3</v>
          </cell>
        </row>
        <row r="318">
          <cell r="A318" t="str">
            <v>Fam_previdenza_%C</v>
          </cell>
          <cell r="G318">
            <v>1.4382669897031355E-3</v>
          </cell>
          <cell r="H318">
            <v>1.4122333516867734E-3</v>
          </cell>
          <cell r="I318">
            <v>1.4252501706949546E-3</v>
          </cell>
          <cell r="J318">
            <v>1.4252501706949546E-3</v>
          </cell>
          <cell r="K318">
            <v>1.4252501706949546E-3</v>
          </cell>
          <cell r="L318">
            <v>1.4252501706949546E-3</v>
          </cell>
          <cell r="M318">
            <v>1.4252501706949546E-3</v>
          </cell>
          <cell r="N318">
            <v>1.4252501706949546E-3</v>
          </cell>
          <cell r="O318">
            <v>1.4252501706949546E-3</v>
          </cell>
          <cell r="P318">
            <v>1.4252501706949546E-3</v>
          </cell>
          <cell r="Q318">
            <v>1.4252501706949546E-3</v>
          </cell>
          <cell r="R318">
            <v>1.4252501706949546E-3</v>
          </cell>
          <cell r="S318">
            <v>1.4252501706949546E-3</v>
          </cell>
          <cell r="T318">
            <v>1.4252501706949546E-3</v>
          </cell>
          <cell r="U318">
            <v>1.4252501706949546E-3</v>
          </cell>
          <cell r="V318">
            <v>1.4252501706949546E-3</v>
          </cell>
          <cell r="W318">
            <v>1.4252501706949546E-3</v>
          </cell>
        </row>
        <row r="319">
          <cell r="A319" t="str">
            <v>PMI_previdenza_%C</v>
          </cell>
          <cell r="G319">
            <v>0</v>
          </cell>
          <cell r="H319">
            <v>1.3297545064637386E-3</v>
          </cell>
          <cell r="I319">
            <v>6.6487725323186931E-4</v>
          </cell>
          <cell r="J319">
            <v>6.6487725323186931E-4</v>
          </cell>
          <cell r="K319">
            <v>6.6487725323186931E-4</v>
          </cell>
          <cell r="L319">
            <v>6.6487725323186931E-4</v>
          </cell>
          <cell r="M319">
            <v>6.6487725323186931E-4</v>
          </cell>
          <cell r="N319">
            <v>6.6487725323186931E-4</v>
          </cell>
          <cell r="O319">
            <v>6.6487725323186931E-4</v>
          </cell>
          <cell r="P319">
            <v>6.6487725323186931E-4</v>
          </cell>
          <cell r="Q319">
            <v>6.6487725323186931E-4</v>
          </cell>
          <cell r="R319">
            <v>6.6487725323186931E-4</v>
          </cell>
          <cell r="S319">
            <v>6.6487725323186931E-4</v>
          </cell>
          <cell r="T319">
            <v>6.6487725323186931E-4</v>
          </cell>
          <cell r="U319">
            <v>6.6487725323186931E-4</v>
          </cell>
          <cell r="V319">
            <v>6.6487725323186931E-4</v>
          </cell>
          <cell r="W319">
            <v>6.6487725323186931E-4</v>
          </cell>
        </row>
        <row r="320">
          <cell r="A320" t="str">
            <v>ENT_previdenza_%C</v>
          </cell>
          <cell r="G320">
            <v>0</v>
          </cell>
          <cell r="H320">
            <v>0</v>
          </cell>
          <cell r="I320">
            <v>0</v>
          </cell>
          <cell r="J320">
            <v>0</v>
          </cell>
          <cell r="K320">
            <v>0</v>
          </cell>
          <cell r="L320">
            <v>0</v>
          </cell>
          <cell r="M320">
            <v>0</v>
          </cell>
          <cell r="N320">
            <v>0</v>
          </cell>
          <cell r="O320">
            <v>0</v>
          </cell>
          <cell r="P320">
            <v>0</v>
          </cell>
          <cell r="Q320">
            <v>0</v>
          </cell>
          <cell r="R320">
            <v>0</v>
          </cell>
          <cell r="S320">
            <v>0</v>
          </cell>
          <cell r="T320">
            <v>0</v>
          </cell>
          <cell r="U320">
            <v>0</v>
          </cell>
          <cell r="V320">
            <v>0</v>
          </cell>
          <cell r="W320">
            <v>0</v>
          </cell>
        </row>
        <row r="321">
          <cell r="A321" t="str">
            <v>Cor_previdenza_%C</v>
          </cell>
          <cell r="G321">
            <v>0</v>
          </cell>
          <cell r="H321">
            <v>0</v>
          </cell>
          <cell r="I321">
            <v>0</v>
          </cell>
          <cell r="J321">
            <v>0</v>
          </cell>
          <cell r="K321">
            <v>0</v>
          </cell>
          <cell r="L321">
            <v>0</v>
          </cell>
          <cell r="M321">
            <v>0</v>
          </cell>
          <cell r="N321">
            <v>0</v>
          </cell>
          <cell r="O321">
            <v>0</v>
          </cell>
          <cell r="P321">
            <v>0</v>
          </cell>
          <cell r="Q321">
            <v>0</v>
          </cell>
          <cell r="R321">
            <v>0</v>
          </cell>
          <cell r="S321">
            <v>0</v>
          </cell>
          <cell r="T321">
            <v>0</v>
          </cell>
          <cell r="U321">
            <v>0</v>
          </cell>
          <cell r="V321">
            <v>0</v>
          </cell>
          <cell r="W321">
            <v>0</v>
          </cell>
        </row>
        <row r="322">
          <cell r="A322" t="str">
            <v>Gra_previdenza_%C</v>
          </cell>
          <cell r="G322">
            <v>0</v>
          </cell>
          <cell r="H322">
            <v>0</v>
          </cell>
          <cell r="I322">
            <v>0</v>
          </cell>
          <cell r="J322">
            <v>0</v>
          </cell>
          <cell r="K322">
            <v>0</v>
          </cell>
          <cell r="L322">
            <v>0</v>
          </cell>
          <cell r="M322">
            <v>0</v>
          </cell>
          <cell r="N322">
            <v>0</v>
          </cell>
          <cell r="O322">
            <v>0</v>
          </cell>
          <cell r="P322">
            <v>0</v>
          </cell>
          <cell r="Q322">
            <v>0</v>
          </cell>
          <cell r="R322">
            <v>0</v>
          </cell>
          <cell r="S322">
            <v>0</v>
          </cell>
          <cell r="T322">
            <v>0</v>
          </cell>
          <cell r="U322">
            <v>0</v>
          </cell>
          <cell r="V322">
            <v>0</v>
          </cell>
          <cell r="W322">
            <v>0</v>
          </cell>
        </row>
        <row r="323">
          <cell r="A323" t="str">
            <v>FEX_previdenza_%C</v>
          </cell>
          <cell r="G323">
            <v>0</v>
          </cell>
          <cell r="H323">
            <v>0</v>
          </cell>
          <cell r="I323">
            <v>0</v>
          </cell>
          <cell r="J323">
            <v>0</v>
          </cell>
          <cell r="K323">
            <v>0</v>
          </cell>
          <cell r="L323">
            <v>0</v>
          </cell>
          <cell r="M323">
            <v>0</v>
          </cell>
          <cell r="N323">
            <v>0</v>
          </cell>
          <cell r="O323">
            <v>0</v>
          </cell>
          <cell r="P323">
            <v>0</v>
          </cell>
          <cell r="Q323">
            <v>0</v>
          </cell>
          <cell r="R323">
            <v>0</v>
          </cell>
          <cell r="S323">
            <v>0</v>
          </cell>
          <cell r="T323">
            <v>0</v>
          </cell>
          <cell r="U323">
            <v>0</v>
          </cell>
          <cell r="V323">
            <v>0</v>
          </cell>
          <cell r="W323">
            <v>0</v>
          </cell>
        </row>
        <row r="324">
          <cell r="A324" t="str">
            <v>MCL_previdenza_%C</v>
          </cell>
          <cell r="G324">
            <v>0</v>
          </cell>
          <cell r="H324">
            <v>0</v>
          </cell>
          <cell r="I324">
            <v>0</v>
          </cell>
          <cell r="J324">
            <v>0</v>
          </cell>
          <cell r="K324">
            <v>0</v>
          </cell>
          <cell r="L324">
            <v>0</v>
          </cell>
          <cell r="M324">
            <v>0</v>
          </cell>
          <cell r="N324">
            <v>0</v>
          </cell>
          <cell r="O324">
            <v>0</v>
          </cell>
          <cell r="P324">
            <v>0</v>
          </cell>
          <cell r="Q324">
            <v>0</v>
          </cell>
          <cell r="R324">
            <v>0</v>
          </cell>
          <cell r="S324">
            <v>0</v>
          </cell>
          <cell r="T324">
            <v>0</v>
          </cell>
          <cell r="U324">
            <v>0</v>
          </cell>
          <cell r="V324">
            <v>0</v>
          </cell>
          <cell r="W324">
            <v>0</v>
          </cell>
        </row>
        <row r="325">
          <cell r="A325" t="str">
            <v>MCG_previdenza_%C</v>
          </cell>
          <cell r="G325">
            <v>0</v>
          </cell>
          <cell r="H325">
            <v>0</v>
          </cell>
          <cell r="I325">
            <v>0</v>
          </cell>
          <cell r="J325">
            <v>0</v>
          </cell>
          <cell r="K325">
            <v>0</v>
          </cell>
          <cell r="L325">
            <v>0</v>
          </cell>
          <cell r="M325">
            <v>0</v>
          </cell>
          <cell r="N325">
            <v>0</v>
          </cell>
          <cell r="O325">
            <v>0</v>
          </cell>
          <cell r="P325">
            <v>0</v>
          </cell>
          <cell r="Q325">
            <v>0</v>
          </cell>
          <cell r="R325">
            <v>0</v>
          </cell>
          <cell r="S325">
            <v>0</v>
          </cell>
          <cell r="T325">
            <v>0</v>
          </cell>
          <cell r="U325">
            <v>0</v>
          </cell>
          <cell r="V325">
            <v>0</v>
          </cell>
          <cell r="W325">
            <v>0</v>
          </cell>
        </row>
        <row r="326">
          <cell r="A326" t="str">
            <v>MLE_previdenza_%C</v>
          </cell>
          <cell r="G326">
            <v>0</v>
          </cell>
          <cell r="H326">
            <v>0</v>
          </cell>
          <cell r="I326">
            <v>0</v>
          </cell>
          <cell r="J326">
            <v>0</v>
          </cell>
          <cell r="K326">
            <v>0</v>
          </cell>
          <cell r="L326">
            <v>0</v>
          </cell>
          <cell r="M326">
            <v>0</v>
          </cell>
          <cell r="N326">
            <v>0</v>
          </cell>
          <cell r="O326">
            <v>0</v>
          </cell>
          <cell r="P326">
            <v>0</v>
          </cell>
          <cell r="Q326">
            <v>0</v>
          </cell>
          <cell r="R326">
            <v>0</v>
          </cell>
          <cell r="S326">
            <v>0</v>
          </cell>
          <cell r="T326">
            <v>0</v>
          </cell>
          <cell r="U326">
            <v>0</v>
          </cell>
          <cell r="V326">
            <v>0</v>
          </cell>
          <cell r="W326">
            <v>0</v>
          </cell>
        </row>
        <row r="327">
          <cell r="A327" t="str">
            <v>MFA_previdenza_%C</v>
          </cell>
          <cell r="G327">
            <v>0</v>
          </cell>
          <cell r="H327">
            <v>0</v>
          </cell>
          <cell r="I327">
            <v>0</v>
          </cell>
          <cell r="J327">
            <v>0</v>
          </cell>
          <cell r="K327">
            <v>0</v>
          </cell>
          <cell r="L327">
            <v>0</v>
          </cell>
          <cell r="M327">
            <v>0</v>
          </cell>
          <cell r="N327">
            <v>0</v>
          </cell>
          <cell r="O327">
            <v>0</v>
          </cell>
          <cell r="P327">
            <v>0</v>
          </cell>
          <cell r="Q327">
            <v>0</v>
          </cell>
          <cell r="R327">
            <v>0</v>
          </cell>
          <cell r="S327">
            <v>0</v>
          </cell>
          <cell r="T327">
            <v>0</v>
          </cell>
          <cell r="U327">
            <v>0</v>
          </cell>
          <cell r="V327">
            <v>0</v>
          </cell>
          <cell r="W327">
            <v>0</v>
          </cell>
        </row>
        <row r="328">
          <cell r="A328" t="str">
            <v>MBQ_previdenza_%C</v>
          </cell>
          <cell r="G328">
            <v>0</v>
          </cell>
          <cell r="H328">
            <v>0</v>
          </cell>
          <cell r="I328">
            <v>0</v>
          </cell>
          <cell r="J328">
            <v>0</v>
          </cell>
          <cell r="K328">
            <v>0</v>
          </cell>
          <cell r="L328">
            <v>0</v>
          </cell>
          <cell r="M328">
            <v>0</v>
          </cell>
          <cell r="N328">
            <v>0</v>
          </cell>
          <cell r="O328">
            <v>0</v>
          </cell>
          <cell r="P328">
            <v>0</v>
          </cell>
          <cell r="Q328">
            <v>0</v>
          </cell>
          <cell r="R328">
            <v>0</v>
          </cell>
          <cell r="S328">
            <v>0</v>
          </cell>
          <cell r="T328">
            <v>0</v>
          </cell>
          <cell r="U328">
            <v>0</v>
          </cell>
          <cell r="V328">
            <v>0</v>
          </cell>
          <cell r="W328">
            <v>0</v>
          </cell>
        </row>
        <row r="329">
          <cell r="A329" t="str">
            <v>MBG_previdenza_%C</v>
          </cell>
          <cell r="G329">
            <v>0</v>
          </cell>
          <cell r="H329">
            <v>0</v>
          </cell>
          <cell r="I329">
            <v>0</v>
          </cell>
          <cell r="J329">
            <v>0</v>
          </cell>
          <cell r="K329">
            <v>0</v>
          </cell>
          <cell r="L329">
            <v>0</v>
          </cell>
          <cell r="M329">
            <v>0</v>
          </cell>
          <cell r="N329">
            <v>0</v>
          </cell>
          <cell r="O329">
            <v>0</v>
          </cell>
          <cell r="P329">
            <v>0</v>
          </cell>
          <cell r="Q329">
            <v>0</v>
          </cell>
          <cell r="R329">
            <v>0</v>
          </cell>
          <cell r="S329">
            <v>0</v>
          </cell>
          <cell r="T329">
            <v>0</v>
          </cell>
          <cell r="U329">
            <v>0</v>
          </cell>
          <cell r="V329">
            <v>0</v>
          </cell>
          <cell r="W329">
            <v>0</v>
          </cell>
        </row>
        <row r="330">
          <cell r="A330" t="str">
            <v>WID_previdenza_%C</v>
          </cell>
          <cell r="G330">
            <v>2.6337437115996815E-3</v>
          </cell>
          <cell r="H330">
            <v>1.9757418565343331E-3</v>
          </cell>
          <cell r="I330">
            <v>2.3047427840670073E-3</v>
          </cell>
          <cell r="J330">
            <v>2.3047427840670073E-3</v>
          </cell>
          <cell r="K330">
            <v>2.3047427840670073E-3</v>
          </cell>
          <cell r="L330">
            <v>2.3047427840670073E-3</v>
          </cell>
          <cell r="M330">
            <v>2.3047427840670073E-3</v>
          </cell>
          <cell r="N330">
            <v>2.3047427840670073E-3</v>
          </cell>
          <cell r="O330">
            <v>2.3047427840670073E-3</v>
          </cell>
          <cell r="P330">
            <v>2.3047427840670073E-3</v>
          </cell>
          <cell r="Q330">
            <v>2.3047427840670073E-3</v>
          </cell>
          <cell r="R330">
            <v>2.3047427840670073E-3</v>
          </cell>
          <cell r="S330">
            <v>2.3047427840670073E-3</v>
          </cell>
          <cell r="T330">
            <v>2.3047427840670073E-3</v>
          </cell>
          <cell r="U330">
            <v>2.3047427840670073E-3</v>
          </cell>
          <cell r="V330">
            <v>2.3047427840670073E-3</v>
          </cell>
          <cell r="W330">
            <v>2.3047427840670073E-3</v>
          </cell>
        </row>
        <row r="331">
          <cell r="A331" t="str">
            <v>FIN_previdenza_%C</v>
          </cell>
          <cell r="G331">
            <v>0</v>
          </cell>
          <cell r="H331">
            <v>0</v>
          </cell>
          <cell r="I331">
            <v>0</v>
          </cell>
          <cell r="J331">
            <v>0</v>
          </cell>
          <cell r="K331">
            <v>0</v>
          </cell>
          <cell r="L331">
            <v>0</v>
          </cell>
          <cell r="M331">
            <v>0</v>
          </cell>
          <cell r="N331">
            <v>0</v>
          </cell>
          <cell r="O331">
            <v>0</v>
          </cell>
          <cell r="P331">
            <v>0</v>
          </cell>
          <cell r="Q331">
            <v>0</v>
          </cell>
          <cell r="R331">
            <v>0</v>
          </cell>
          <cell r="S331">
            <v>0</v>
          </cell>
          <cell r="T331">
            <v>0</v>
          </cell>
          <cell r="U331">
            <v>0</v>
          </cell>
          <cell r="V331">
            <v>0</v>
          </cell>
          <cell r="W331">
            <v>0</v>
          </cell>
        </row>
        <row r="332">
          <cell r="A332" t="str">
            <v>ALM_previdenza_%C</v>
          </cell>
          <cell r="G332">
            <v>0</v>
          </cell>
          <cell r="H332">
            <v>0</v>
          </cell>
          <cell r="I332">
            <v>0</v>
          </cell>
          <cell r="J332">
            <v>0</v>
          </cell>
          <cell r="K332">
            <v>0</v>
          </cell>
          <cell r="L332">
            <v>0</v>
          </cell>
          <cell r="M332">
            <v>0</v>
          </cell>
          <cell r="N332">
            <v>0</v>
          </cell>
          <cell r="O332">
            <v>0</v>
          </cell>
          <cell r="P332">
            <v>0</v>
          </cell>
          <cell r="Q332">
            <v>0</v>
          </cell>
          <cell r="R332">
            <v>0</v>
          </cell>
          <cell r="S332">
            <v>0</v>
          </cell>
          <cell r="T332">
            <v>0</v>
          </cell>
          <cell r="U332">
            <v>0</v>
          </cell>
          <cell r="V332">
            <v>0</v>
          </cell>
          <cell r="W332">
            <v>0</v>
          </cell>
        </row>
        <row r="333">
          <cell r="A333" t="str">
            <v>FUO_previdenza_%C</v>
          </cell>
          <cell r="G333">
            <v>1.556989046274979E-3</v>
          </cell>
          <cell r="H333">
            <v>1.4269498713964702E-3</v>
          </cell>
          <cell r="I333">
            <v>1.4919694588357247E-3</v>
          </cell>
          <cell r="J333">
            <v>1.4919694588357247E-3</v>
          </cell>
          <cell r="K333">
            <v>1.4919694588357247E-3</v>
          </cell>
          <cell r="L333">
            <v>1.4919694588357247E-3</v>
          </cell>
          <cell r="M333">
            <v>1.4919694588357247E-3</v>
          </cell>
          <cell r="N333">
            <v>1.4919694588357247E-3</v>
          </cell>
          <cell r="O333">
            <v>1.4919694588357247E-3</v>
          </cell>
          <cell r="P333">
            <v>1.4919694588357247E-3</v>
          </cell>
          <cell r="Q333">
            <v>1.4919694588357247E-3</v>
          </cell>
          <cell r="R333">
            <v>1.4919694588357247E-3</v>
          </cell>
          <cell r="S333">
            <v>1.4919694588357247E-3</v>
          </cell>
          <cell r="T333">
            <v>1.4919694588357247E-3</v>
          </cell>
          <cell r="U333">
            <v>1.4919694588357247E-3</v>
          </cell>
          <cell r="V333">
            <v>1.4919694588357247E-3</v>
          </cell>
          <cell r="W333">
            <v>1.4919694588357247E-3</v>
          </cell>
        </row>
        <row r="334">
          <cell r="A334" t="str">
            <v>XXX_previdenza_%C</v>
          </cell>
          <cell r="G334">
            <v>0</v>
          </cell>
          <cell r="H334">
            <v>0</v>
          </cell>
          <cell r="I334">
            <v>0</v>
          </cell>
          <cell r="J334">
            <v>0</v>
          </cell>
          <cell r="K334">
            <v>0</v>
          </cell>
          <cell r="L334">
            <v>0</v>
          </cell>
          <cell r="M334">
            <v>0</v>
          </cell>
          <cell r="N334">
            <v>0</v>
          </cell>
          <cell r="O334">
            <v>0</v>
          </cell>
          <cell r="P334">
            <v>0</v>
          </cell>
          <cell r="Q334">
            <v>0</v>
          </cell>
          <cell r="R334">
            <v>0</v>
          </cell>
          <cell r="S334">
            <v>0</v>
          </cell>
          <cell r="T334">
            <v>0</v>
          </cell>
          <cell r="U334">
            <v>0</v>
          </cell>
          <cell r="V334">
            <v>0</v>
          </cell>
          <cell r="W334">
            <v>0</v>
          </cell>
        </row>
        <row r="335">
          <cell r="G335">
            <v>0</v>
          </cell>
          <cell r="H335">
            <v>0</v>
          </cell>
          <cell r="I335">
            <v>0</v>
          </cell>
          <cell r="J335">
            <v>0</v>
          </cell>
          <cell r="K335">
            <v>0</v>
          </cell>
          <cell r="L335">
            <v>0</v>
          </cell>
          <cell r="M335">
            <v>0</v>
          </cell>
          <cell r="N335">
            <v>0</v>
          </cell>
          <cell r="O335">
            <v>0</v>
          </cell>
          <cell r="P335">
            <v>0</v>
          </cell>
          <cell r="Q335">
            <v>0</v>
          </cell>
          <cell r="R335">
            <v>0</v>
          </cell>
          <cell r="S335">
            <v>0</v>
          </cell>
          <cell r="T335">
            <v>0</v>
          </cell>
          <cell r="U335">
            <v>0</v>
          </cell>
          <cell r="V335">
            <v>0</v>
          </cell>
          <cell r="W335">
            <v>0</v>
          </cell>
        </row>
        <row r="336">
          <cell r="G336">
            <v>0</v>
          </cell>
          <cell r="H336">
            <v>0</v>
          </cell>
          <cell r="I336">
            <v>0</v>
          </cell>
          <cell r="J336">
            <v>0</v>
          </cell>
          <cell r="K336">
            <v>0</v>
          </cell>
          <cell r="L336">
            <v>0</v>
          </cell>
          <cell r="M336">
            <v>0</v>
          </cell>
          <cell r="N336">
            <v>0</v>
          </cell>
          <cell r="O336">
            <v>0</v>
          </cell>
          <cell r="P336">
            <v>0</v>
          </cell>
          <cell r="Q336">
            <v>0</v>
          </cell>
          <cell r="R336">
            <v>0</v>
          </cell>
          <cell r="S336">
            <v>0</v>
          </cell>
          <cell r="T336">
            <v>0</v>
          </cell>
          <cell r="U336">
            <v>0</v>
          </cell>
          <cell r="V336">
            <v>0</v>
          </cell>
          <cell r="W336">
            <v>0</v>
          </cell>
        </row>
        <row r="337">
          <cell r="A337" t="str">
            <v>Val_amm_turnover_%</v>
          </cell>
          <cell r="G337">
            <v>8.3720219375394258E-4</v>
          </cell>
          <cell r="H337">
            <v>1.0241443636107904E-3</v>
          </cell>
          <cell r="I337">
            <v>9.3067327868236649E-4</v>
          </cell>
          <cell r="J337">
            <v>9.3067327868236649E-4</v>
          </cell>
          <cell r="K337">
            <v>9.3067327868236649E-4</v>
          </cell>
          <cell r="L337">
            <v>9.3067327868236649E-4</v>
          </cell>
          <cell r="M337">
            <v>9.3067327868236649E-4</v>
          </cell>
          <cell r="N337">
            <v>9.3067327868236649E-4</v>
          </cell>
          <cell r="O337">
            <v>9.3067327868236649E-4</v>
          </cell>
          <cell r="P337">
            <v>9.3067327868236649E-4</v>
          </cell>
          <cell r="Q337">
            <v>9.3067327868236649E-4</v>
          </cell>
          <cell r="R337">
            <v>9.3067327868236649E-4</v>
          </cell>
          <cell r="S337">
            <v>9.3067327868236649E-4</v>
          </cell>
          <cell r="T337">
            <v>9.3067327868236649E-4</v>
          </cell>
          <cell r="U337">
            <v>9.3067327868236649E-4</v>
          </cell>
          <cell r="V337">
            <v>9.3067327868236649E-4</v>
          </cell>
          <cell r="W337">
            <v>9.3067327868236649E-4</v>
          </cell>
          <cell r="Y337">
            <v>0</v>
          </cell>
          <cell r="Z337">
            <v>0</v>
          </cell>
        </row>
        <row r="338">
          <cell r="A338" t="str">
            <v>Pre_amm_turnover_%</v>
          </cell>
          <cell r="G338">
            <v>4.1279045059618884E-4</v>
          </cell>
          <cell r="H338">
            <v>5.0594353751704456E-4</v>
          </cell>
          <cell r="I338">
            <v>4.593669940566167E-4</v>
          </cell>
          <cell r="J338">
            <v>4.593669940566167E-4</v>
          </cell>
          <cell r="K338">
            <v>4.593669940566167E-4</v>
          </cell>
          <cell r="L338">
            <v>4.593669940566167E-4</v>
          </cell>
          <cell r="M338">
            <v>4.593669940566167E-4</v>
          </cell>
          <cell r="N338">
            <v>4.593669940566167E-4</v>
          </cell>
          <cell r="O338">
            <v>4.593669940566167E-4</v>
          </cell>
          <cell r="P338">
            <v>4.593669940566167E-4</v>
          </cell>
          <cell r="Q338">
            <v>4.593669940566167E-4</v>
          </cell>
          <cell r="R338">
            <v>4.593669940566167E-4</v>
          </cell>
          <cell r="S338">
            <v>4.593669940566167E-4</v>
          </cell>
          <cell r="T338">
            <v>4.593669940566167E-4</v>
          </cell>
          <cell r="U338">
            <v>4.593669940566167E-4</v>
          </cell>
          <cell r="V338">
            <v>4.593669940566167E-4</v>
          </cell>
          <cell r="W338">
            <v>4.593669940566167E-4</v>
          </cell>
        </row>
        <row r="339">
          <cell r="A339" t="str">
            <v>Sma_amm_turnover_%</v>
          </cell>
          <cell r="G339">
            <v>4.7630829589052616E-4</v>
          </cell>
          <cell r="H339">
            <v>6.2853177003659806E-4</v>
          </cell>
          <cell r="I339">
            <v>5.5242003296356208E-4</v>
          </cell>
          <cell r="J339">
            <v>5.5242003296356208E-4</v>
          </cell>
          <cell r="K339">
            <v>5.5242003296356208E-4</v>
          </cell>
          <cell r="L339">
            <v>5.5242003296356208E-4</v>
          </cell>
          <cell r="M339">
            <v>5.5242003296356208E-4</v>
          </cell>
          <cell r="N339">
            <v>5.5242003296356208E-4</v>
          </cell>
          <cell r="O339">
            <v>5.5242003296356208E-4</v>
          </cell>
          <cell r="P339">
            <v>5.5242003296356208E-4</v>
          </cell>
          <cell r="Q339">
            <v>5.5242003296356208E-4</v>
          </cell>
          <cell r="R339">
            <v>5.5242003296356208E-4</v>
          </cell>
          <cell r="S339">
            <v>5.5242003296356208E-4</v>
          </cell>
          <cell r="T339">
            <v>5.5242003296356208E-4</v>
          </cell>
          <cell r="U339">
            <v>5.5242003296356208E-4</v>
          </cell>
          <cell r="V339">
            <v>5.5242003296356208E-4</v>
          </cell>
          <cell r="W339">
            <v>5.5242003296356208E-4</v>
          </cell>
        </row>
        <row r="340">
          <cell r="A340" t="str">
            <v>Pri_amm_turnover_%</v>
          </cell>
          <cell r="G340">
            <v>3.0999091079176363E-4</v>
          </cell>
          <cell r="H340">
            <v>3.7810830631475377E-4</v>
          </cell>
          <cell r="I340">
            <v>3.440496085532587E-4</v>
          </cell>
          <cell r="J340">
            <v>3.440496085532587E-4</v>
          </cell>
          <cell r="K340">
            <v>3.440496085532587E-4</v>
          </cell>
          <cell r="L340">
            <v>3.440496085532587E-4</v>
          </cell>
          <cell r="M340">
            <v>3.440496085532587E-4</v>
          </cell>
          <cell r="N340">
            <v>3.440496085532587E-4</v>
          </cell>
          <cell r="O340">
            <v>3.440496085532587E-4</v>
          </cell>
          <cell r="P340">
            <v>3.440496085532587E-4</v>
          </cell>
          <cell r="Q340">
            <v>3.440496085532587E-4</v>
          </cell>
          <cell r="R340">
            <v>3.440496085532587E-4</v>
          </cell>
          <cell r="S340">
            <v>3.440496085532587E-4</v>
          </cell>
          <cell r="T340">
            <v>3.440496085532587E-4</v>
          </cell>
          <cell r="U340">
            <v>3.440496085532587E-4</v>
          </cell>
          <cell r="V340">
            <v>3.440496085532587E-4</v>
          </cell>
          <cell r="W340">
            <v>3.440496085532587E-4</v>
          </cell>
        </row>
        <row r="341">
          <cell r="A341" t="str">
            <v>Fam_amm_turnover_%</v>
          </cell>
          <cell r="G341">
            <v>3.3846435402115442E-4</v>
          </cell>
          <cell r="H341">
            <v>4.5979045837386324E-4</v>
          </cell>
          <cell r="I341">
            <v>3.9912740619750883E-4</v>
          </cell>
          <cell r="J341">
            <v>3.9912740619750883E-4</v>
          </cell>
          <cell r="K341">
            <v>3.9912740619750883E-4</v>
          </cell>
          <cell r="L341">
            <v>3.9912740619750883E-4</v>
          </cell>
          <cell r="M341">
            <v>3.9912740619750883E-4</v>
          </cell>
          <cell r="N341">
            <v>3.9912740619750883E-4</v>
          </cell>
          <cell r="O341">
            <v>3.9912740619750883E-4</v>
          </cell>
          <cell r="P341">
            <v>3.9912740619750883E-4</v>
          </cell>
          <cell r="Q341">
            <v>3.9912740619750883E-4</v>
          </cell>
          <cell r="R341">
            <v>3.9912740619750883E-4</v>
          </cell>
          <cell r="S341">
            <v>3.9912740619750883E-4</v>
          </cell>
          <cell r="T341">
            <v>3.9912740619750883E-4</v>
          </cell>
          <cell r="U341">
            <v>3.9912740619750883E-4</v>
          </cell>
          <cell r="V341">
            <v>3.9912740619750883E-4</v>
          </cell>
          <cell r="W341">
            <v>3.9912740619750883E-4</v>
          </cell>
        </row>
        <row r="342">
          <cell r="A342" t="str">
            <v>PMI_amm_turnover_%</v>
          </cell>
          <cell r="G342">
            <v>0</v>
          </cell>
          <cell r="H342">
            <v>2.1921846457877503E-4</v>
          </cell>
          <cell r="I342">
            <v>1.0960923228938751E-4</v>
          </cell>
          <cell r="J342">
            <v>1.0960923228938751E-4</v>
          </cell>
          <cell r="K342">
            <v>1.0960923228938751E-4</v>
          </cell>
          <cell r="L342">
            <v>1.0960923228938751E-4</v>
          </cell>
          <cell r="M342">
            <v>1.0960923228938751E-4</v>
          </cell>
          <cell r="N342">
            <v>1.0960923228938751E-4</v>
          </cell>
          <cell r="O342">
            <v>1.0960923228938751E-4</v>
          </cell>
          <cell r="P342">
            <v>1.0960923228938751E-4</v>
          </cell>
          <cell r="Q342">
            <v>1.0960923228938751E-4</v>
          </cell>
          <cell r="R342">
            <v>1.0960923228938751E-4</v>
          </cell>
          <cell r="S342">
            <v>1.0960923228938751E-4</v>
          </cell>
          <cell r="T342">
            <v>1.0960923228938751E-4</v>
          </cell>
          <cell r="U342">
            <v>1.0960923228938751E-4</v>
          </cell>
          <cell r="V342">
            <v>1.0960923228938751E-4</v>
          </cell>
          <cell r="W342">
            <v>1.0960923228938751E-4</v>
          </cell>
        </row>
        <row r="343">
          <cell r="A343" t="str">
            <v>ENT_amm_turnover_%</v>
          </cell>
          <cell r="G343">
            <v>2.916459648452837E-5</v>
          </cell>
          <cell r="H343">
            <v>7.7873659461628024E-5</v>
          </cell>
          <cell r="I343">
            <v>5.3519127973078193E-5</v>
          </cell>
          <cell r="J343">
            <v>5.3519127973078193E-5</v>
          </cell>
          <cell r="K343">
            <v>5.3519127973078193E-5</v>
          </cell>
          <cell r="L343">
            <v>5.3519127973078193E-5</v>
          </cell>
          <cell r="M343">
            <v>5.3519127973078193E-5</v>
          </cell>
          <cell r="N343">
            <v>5.3519127973078193E-5</v>
          </cell>
          <cell r="O343">
            <v>5.3519127973078193E-5</v>
          </cell>
          <cell r="P343">
            <v>5.3519127973078193E-5</v>
          </cell>
          <cell r="Q343">
            <v>5.3519127973078193E-5</v>
          </cell>
          <cell r="R343">
            <v>5.3519127973078193E-5</v>
          </cell>
          <cell r="S343">
            <v>5.3519127973078193E-5</v>
          </cell>
          <cell r="T343">
            <v>5.3519127973078193E-5</v>
          </cell>
          <cell r="U343">
            <v>5.3519127973078193E-5</v>
          </cell>
          <cell r="V343">
            <v>5.3519127973078193E-5</v>
          </cell>
          <cell r="W343">
            <v>5.3519127973078193E-5</v>
          </cell>
        </row>
        <row r="344">
          <cell r="A344" t="str">
            <v>Cor_amm_turnover_%</v>
          </cell>
          <cell r="G344">
            <v>0</v>
          </cell>
          <cell r="H344">
            <v>8.150616182353076E-5</v>
          </cell>
          <cell r="I344">
            <v>4.075308091176538E-5</v>
          </cell>
          <cell r="J344">
            <v>4.075308091176538E-5</v>
          </cell>
          <cell r="K344">
            <v>4.075308091176538E-5</v>
          </cell>
          <cell r="L344">
            <v>4.075308091176538E-5</v>
          </cell>
          <cell r="M344">
            <v>4.075308091176538E-5</v>
          </cell>
          <cell r="N344">
            <v>4.075308091176538E-5</v>
          </cell>
          <cell r="O344">
            <v>4.075308091176538E-5</v>
          </cell>
          <cell r="P344">
            <v>4.075308091176538E-5</v>
          </cell>
          <cell r="Q344">
            <v>4.075308091176538E-5</v>
          </cell>
          <cell r="R344">
            <v>4.075308091176538E-5</v>
          </cell>
          <cell r="S344">
            <v>4.075308091176538E-5</v>
          </cell>
          <cell r="T344">
            <v>4.075308091176538E-5</v>
          </cell>
          <cell r="U344">
            <v>4.075308091176538E-5</v>
          </cell>
          <cell r="V344">
            <v>4.075308091176538E-5</v>
          </cell>
          <cell r="W344">
            <v>4.075308091176538E-5</v>
          </cell>
        </row>
        <row r="345">
          <cell r="A345" t="str">
            <v>Gra_amm_turnover_%</v>
          </cell>
          <cell r="G345">
            <v>8.4157142449953441E-7</v>
          </cell>
          <cell r="H345">
            <v>6.3344288060739351E-7</v>
          </cell>
          <cell r="I345">
            <v>7.3750715255346396E-7</v>
          </cell>
          <cell r="J345">
            <v>7.3750715255346396E-7</v>
          </cell>
          <cell r="K345">
            <v>7.3750715255346396E-7</v>
          </cell>
          <cell r="L345">
            <v>7.3750715255346396E-7</v>
          </cell>
          <cell r="M345">
            <v>7.3750715255346396E-7</v>
          </cell>
          <cell r="N345">
            <v>7.3750715255346396E-7</v>
          </cell>
          <cell r="O345">
            <v>7.3750715255346396E-7</v>
          </cell>
          <cell r="P345">
            <v>7.3750715255346396E-7</v>
          </cell>
          <cell r="Q345">
            <v>7.3750715255346396E-7</v>
          </cell>
          <cell r="R345">
            <v>7.3750715255346396E-7</v>
          </cell>
          <cell r="S345">
            <v>7.3750715255346396E-7</v>
          </cell>
          <cell r="T345">
            <v>7.3750715255346396E-7</v>
          </cell>
          <cell r="U345">
            <v>7.3750715255346396E-7</v>
          </cell>
          <cell r="V345">
            <v>7.3750715255346396E-7</v>
          </cell>
          <cell r="W345">
            <v>7.3750715255346396E-7</v>
          </cell>
        </row>
        <row r="346">
          <cell r="A346" t="str">
            <v>FEX_amm_turnover_%</v>
          </cell>
          <cell r="G346">
            <v>0</v>
          </cell>
          <cell r="H346">
            <v>0</v>
          </cell>
          <cell r="I346">
            <v>0</v>
          </cell>
          <cell r="J346">
            <v>0</v>
          </cell>
          <cell r="K346">
            <v>0</v>
          </cell>
          <cell r="L346">
            <v>0</v>
          </cell>
          <cell r="M346">
            <v>0</v>
          </cell>
          <cell r="N346">
            <v>0</v>
          </cell>
          <cell r="O346">
            <v>0</v>
          </cell>
          <cell r="P346">
            <v>0</v>
          </cell>
          <cell r="Q346">
            <v>0</v>
          </cell>
          <cell r="R346">
            <v>0</v>
          </cell>
          <cell r="S346">
            <v>0</v>
          </cell>
          <cell r="T346">
            <v>0</v>
          </cell>
          <cell r="U346">
            <v>0</v>
          </cell>
          <cell r="V346">
            <v>0</v>
          </cell>
          <cell r="W346">
            <v>0</v>
          </cell>
        </row>
        <row r="347">
          <cell r="A347" t="str">
            <v>MCL_amm_turnover_%</v>
          </cell>
          <cell r="G347">
            <v>0</v>
          </cell>
          <cell r="H347">
            <v>0</v>
          </cell>
          <cell r="I347">
            <v>0</v>
          </cell>
          <cell r="J347">
            <v>0</v>
          </cell>
          <cell r="K347">
            <v>0</v>
          </cell>
          <cell r="L347">
            <v>0</v>
          </cell>
          <cell r="M347">
            <v>0</v>
          </cell>
          <cell r="N347">
            <v>0</v>
          </cell>
          <cell r="O347">
            <v>0</v>
          </cell>
          <cell r="P347">
            <v>0</v>
          </cell>
          <cell r="Q347">
            <v>0</v>
          </cell>
          <cell r="R347">
            <v>0</v>
          </cell>
          <cell r="S347">
            <v>0</v>
          </cell>
          <cell r="T347">
            <v>0</v>
          </cell>
          <cell r="U347">
            <v>0</v>
          </cell>
          <cell r="V347">
            <v>0</v>
          </cell>
          <cell r="W347">
            <v>0</v>
          </cell>
        </row>
        <row r="348">
          <cell r="A348" t="str">
            <v>MCG_amm_turnover_%</v>
          </cell>
          <cell r="G348">
            <v>0</v>
          </cell>
          <cell r="H348">
            <v>0</v>
          </cell>
          <cell r="I348">
            <v>0</v>
          </cell>
          <cell r="J348">
            <v>0</v>
          </cell>
          <cell r="K348">
            <v>0</v>
          </cell>
          <cell r="L348">
            <v>0</v>
          </cell>
          <cell r="M348">
            <v>0</v>
          </cell>
          <cell r="N348">
            <v>0</v>
          </cell>
          <cell r="O348">
            <v>0</v>
          </cell>
          <cell r="P348">
            <v>0</v>
          </cell>
          <cell r="Q348">
            <v>0</v>
          </cell>
          <cell r="R348">
            <v>0</v>
          </cell>
          <cell r="S348">
            <v>0</v>
          </cell>
          <cell r="T348">
            <v>0</v>
          </cell>
          <cell r="U348">
            <v>0</v>
          </cell>
          <cell r="V348">
            <v>0</v>
          </cell>
          <cell r="W348">
            <v>0</v>
          </cell>
        </row>
        <row r="349">
          <cell r="A349" t="str">
            <v>MLE_amm_turnover_%</v>
          </cell>
          <cell r="G349">
            <v>0</v>
          </cell>
          <cell r="H349">
            <v>0</v>
          </cell>
          <cell r="I349">
            <v>0</v>
          </cell>
          <cell r="J349">
            <v>0</v>
          </cell>
          <cell r="K349">
            <v>0</v>
          </cell>
          <cell r="L349">
            <v>0</v>
          </cell>
          <cell r="M349">
            <v>0</v>
          </cell>
          <cell r="N349">
            <v>0</v>
          </cell>
          <cell r="O349">
            <v>0</v>
          </cell>
          <cell r="P349">
            <v>0</v>
          </cell>
          <cell r="Q349">
            <v>0</v>
          </cell>
          <cell r="R349">
            <v>0</v>
          </cell>
          <cell r="S349">
            <v>0</v>
          </cell>
          <cell r="T349">
            <v>0</v>
          </cell>
          <cell r="U349">
            <v>0</v>
          </cell>
          <cell r="V349">
            <v>0</v>
          </cell>
          <cell r="W349">
            <v>0</v>
          </cell>
        </row>
        <row r="350">
          <cell r="A350" t="str">
            <v>MFA_amm_turnover_%</v>
          </cell>
          <cell r="G350">
            <v>0</v>
          </cell>
          <cell r="H350">
            <v>0</v>
          </cell>
          <cell r="I350">
            <v>0</v>
          </cell>
          <cell r="J350">
            <v>0</v>
          </cell>
          <cell r="K350">
            <v>0</v>
          </cell>
          <cell r="L350">
            <v>0</v>
          </cell>
          <cell r="M350">
            <v>0</v>
          </cell>
          <cell r="N350">
            <v>0</v>
          </cell>
          <cell r="O350">
            <v>0</v>
          </cell>
          <cell r="P350">
            <v>0</v>
          </cell>
          <cell r="Q350">
            <v>0</v>
          </cell>
          <cell r="R350">
            <v>0</v>
          </cell>
          <cell r="S350">
            <v>0</v>
          </cell>
          <cell r="T350">
            <v>0</v>
          </cell>
          <cell r="U350">
            <v>0</v>
          </cell>
          <cell r="V350">
            <v>0</v>
          </cell>
          <cell r="W350">
            <v>0</v>
          </cell>
        </row>
        <row r="351">
          <cell r="A351" t="str">
            <v>MBQ_amm_turnover_%</v>
          </cell>
          <cell r="G351">
            <v>0</v>
          </cell>
          <cell r="H351">
            <v>0</v>
          </cell>
          <cell r="I351">
            <v>0</v>
          </cell>
          <cell r="J351">
            <v>0</v>
          </cell>
          <cell r="K351">
            <v>0</v>
          </cell>
          <cell r="L351">
            <v>0</v>
          </cell>
          <cell r="M351">
            <v>0</v>
          </cell>
          <cell r="N351">
            <v>0</v>
          </cell>
          <cell r="O351">
            <v>0</v>
          </cell>
          <cell r="P351">
            <v>0</v>
          </cell>
          <cell r="Q351">
            <v>0</v>
          </cell>
          <cell r="R351">
            <v>0</v>
          </cell>
          <cell r="S351">
            <v>0</v>
          </cell>
          <cell r="T351">
            <v>0</v>
          </cell>
          <cell r="U351">
            <v>0</v>
          </cell>
          <cell r="V351">
            <v>0</v>
          </cell>
          <cell r="W351">
            <v>0</v>
          </cell>
        </row>
        <row r="352">
          <cell r="A352" t="str">
            <v>MBG_amm_turnover_%</v>
          </cell>
          <cell r="G352">
            <v>0</v>
          </cell>
          <cell r="H352">
            <v>0</v>
          </cell>
          <cell r="I352">
            <v>0</v>
          </cell>
          <cell r="J352">
            <v>0</v>
          </cell>
          <cell r="K352">
            <v>0</v>
          </cell>
          <cell r="L352">
            <v>0</v>
          </cell>
          <cell r="M352">
            <v>0</v>
          </cell>
          <cell r="N352">
            <v>0</v>
          </cell>
          <cell r="O352">
            <v>0</v>
          </cell>
          <cell r="P352">
            <v>0</v>
          </cell>
          <cell r="Q352">
            <v>0</v>
          </cell>
          <cell r="R352">
            <v>0</v>
          </cell>
          <cell r="S352">
            <v>0</v>
          </cell>
          <cell r="T352">
            <v>0</v>
          </cell>
          <cell r="U352">
            <v>0</v>
          </cell>
          <cell r="V352">
            <v>0</v>
          </cell>
          <cell r="W352">
            <v>0</v>
          </cell>
        </row>
        <row r="353">
          <cell r="A353" t="str">
            <v>WID_amm_turnover_%</v>
          </cell>
          <cell r="G353">
            <v>9.9837701666275857E-4</v>
          </cell>
          <cell r="H353">
            <v>7.8240983852949527E-4</v>
          </cell>
          <cell r="I353">
            <v>8.9039342759612687E-4</v>
          </cell>
          <cell r="J353">
            <v>8.9039342759612687E-4</v>
          </cell>
          <cell r="K353">
            <v>8.9039342759612687E-4</v>
          </cell>
          <cell r="L353">
            <v>8.9039342759612687E-4</v>
          </cell>
          <cell r="M353">
            <v>8.9039342759612687E-4</v>
          </cell>
          <cell r="N353">
            <v>8.9039342759612687E-4</v>
          </cell>
          <cell r="O353">
            <v>8.9039342759612687E-4</v>
          </cell>
          <cell r="P353">
            <v>8.9039342759612687E-4</v>
          </cell>
          <cell r="Q353">
            <v>8.9039342759612687E-4</v>
          </cell>
          <cell r="R353">
            <v>8.9039342759612687E-4</v>
          </cell>
          <cell r="S353">
            <v>8.9039342759612687E-4</v>
          </cell>
          <cell r="T353">
            <v>8.9039342759612687E-4</v>
          </cell>
          <cell r="U353">
            <v>8.9039342759612687E-4</v>
          </cell>
          <cell r="V353">
            <v>8.9039342759612687E-4</v>
          </cell>
          <cell r="W353">
            <v>8.9039342759612687E-4</v>
          </cell>
        </row>
        <row r="354">
          <cell r="A354" t="str">
            <v>FIN_amm_turnover_%</v>
          </cell>
          <cell r="G354">
            <v>0</v>
          </cell>
          <cell r="H354">
            <v>0</v>
          </cell>
          <cell r="I354">
            <v>0</v>
          </cell>
          <cell r="J354">
            <v>0</v>
          </cell>
          <cell r="K354">
            <v>0</v>
          </cell>
          <cell r="L354">
            <v>0</v>
          </cell>
          <cell r="M354">
            <v>0</v>
          </cell>
          <cell r="N354">
            <v>0</v>
          </cell>
          <cell r="O354">
            <v>0</v>
          </cell>
          <cell r="P354">
            <v>0</v>
          </cell>
          <cell r="Q354">
            <v>0</v>
          </cell>
          <cell r="R354">
            <v>0</v>
          </cell>
          <cell r="S354">
            <v>0</v>
          </cell>
          <cell r="T354">
            <v>0</v>
          </cell>
          <cell r="U354">
            <v>0</v>
          </cell>
          <cell r="V354">
            <v>0</v>
          </cell>
          <cell r="W354">
            <v>0</v>
          </cell>
        </row>
        <row r="355">
          <cell r="A355" t="str">
            <v>ALM_amm_turnover_%</v>
          </cell>
          <cell r="G355">
            <v>0</v>
          </cell>
          <cell r="H355">
            <v>0</v>
          </cell>
          <cell r="I355">
            <v>0</v>
          </cell>
          <cell r="J355">
            <v>0</v>
          </cell>
          <cell r="K355">
            <v>0</v>
          </cell>
          <cell r="L355">
            <v>0</v>
          </cell>
          <cell r="M355">
            <v>0</v>
          </cell>
          <cell r="N355">
            <v>0</v>
          </cell>
          <cell r="O355">
            <v>0</v>
          </cell>
          <cell r="P355">
            <v>0</v>
          </cell>
          <cell r="Q355">
            <v>0</v>
          </cell>
          <cell r="R355">
            <v>0</v>
          </cell>
          <cell r="S355">
            <v>0</v>
          </cell>
          <cell r="T355">
            <v>0</v>
          </cell>
          <cell r="U355">
            <v>0</v>
          </cell>
          <cell r="V355">
            <v>0</v>
          </cell>
          <cell r="W355">
            <v>0</v>
          </cell>
        </row>
        <row r="356">
          <cell r="A356" t="str">
            <v>FUO_amm_turnover_%</v>
          </cell>
          <cell r="G356">
            <v>0</v>
          </cell>
          <cell r="H356">
            <v>0</v>
          </cell>
          <cell r="I356">
            <v>0</v>
          </cell>
          <cell r="J356">
            <v>0</v>
          </cell>
          <cell r="K356">
            <v>0</v>
          </cell>
          <cell r="L356">
            <v>0</v>
          </cell>
          <cell r="M356">
            <v>0</v>
          </cell>
          <cell r="N356">
            <v>0</v>
          </cell>
          <cell r="O356">
            <v>0</v>
          </cell>
          <cell r="P356">
            <v>0</v>
          </cell>
          <cell r="Q356">
            <v>0</v>
          </cell>
          <cell r="R356">
            <v>0</v>
          </cell>
          <cell r="S356">
            <v>0</v>
          </cell>
          <cell r="T356">
            <v>0</v>
          </cell>
          <cell r="U356">
            <v>0</v>
          </cell>
          <cell r="V356">
            <v>0</v>
          </cell>
          <cell r="W356">
            <v>0</v>
          </cell>
        </row>
        <row r="357">
          <cell r="A357" t="str">
            <v>XXX_amm_turnover_%</v>
          </cell>
          <cell r="G357">
            <v>0</v>
          </cell>
          <cell r="H357">
            <v>0</v>
          </cell>
          <cell r="I357">
            <v>0</v>
          </cell>
          <cell r="J357">
            <v>0</v>
          </cell>
          <cell r="K357">
            <v>0</v>
          </cell>
          <cell r="L357">
            <v>0</v>
          </cell>
          <cell r="M357">
            <v>0</v>
          </cell>
          <cell r="N357">
            <v>0</v>
          </cell>
          <cell r="O357">
            <v>0</v>
          </cell>
          <cell r="P357">
            <v>0</v>
          </cell>
          <cell r="Q357">
            <v>0</v>
          </cell>
          <cell r="R357">
            <v>0</v>
          </cell>
          <cell r="S357">
            <v>0</v>
          </cell>
          <cell r="T357">
            <v>0</v>
          </cell>
          <cell r="U357">
            <v>0</v>
          </cell>
          <cell r="V357">
            <v>0</v>
          </cell>
          <cell r="W357">
            <v>0</v>
          </cell>
        </row>
        <row r="358">
          <cell r="G358">
            <v>0</v>
          </cell>
          <cell r="H358">
            <v>0</v>
          </cell>
          <cell r="I358">
            <v>0</v>
          </cell>
          <cell r="J358">
            <v>0</v>
          </cell>
          <cell r="K358">
            <v>0</v>
          </cell>
          <cell r="L358">
            <v>0</v>
          </cell>
          <cell r="M358">
            <v>0</v>
          </cell>
          <cell r="N358">
            <v>0</v>
          </cell>
          <cell r="O358">
            <v>0</v>
          </cell>
          <cell r="P358">
            <v>0</v>
          </cell>
          <cell r="Q358">
            <v>0</v>
          </cell>
          <cell r="R358">
            <v>0</v>
          </cell>
          <cell r="S358">
            <v>0</v>
          </cell>
          <cell r="T358">
            <v>0</v>
          </cell>
          <cell r="U358">
            <v>0</v>
          </cell>
          <cell r="V358">
            <v>0</v>
          </cell>
          <cell r="W358">
            <v>0</v>
          </cell>
        </row>
        <row r="359">
          <cell r="A359" t="str">
            <v>Val_custodian_%</v>
          </cell>
          <cell r="G359">
            <v>4.1514551616258144E-4</v>
          </cell>
          <cell r="H359">
            <v>4.0077401103041395E-4</v>
          </cell>
          <cell r="I359">
            <v>4.0795976359649772E-4</v>
          </cell>
          <cell r="J359">
            <v>4.0795976359649772E-4</v>
          </cell>
          <cell r="K359">
            <v>4.0795976359649772E-4</v>
          </cell>
          <cell r="L359">
            <v>4.0795976359649772E-4</v>
          </cell>
          <cell r="M359">
            <v>4.0795976359649772E-4</v>
          </cell>
          <cell r="N359">
            <v>4.0795976359649772E-4</v>
          </cell>
          <cell r="O359">
            <v>4.0795976359649772E-4</v>
          </cell>
          <cell r="P359">
            <v>4.0795976359649772E-4</v>
          </cell>
          <cell r="Q359">
            <v>4.0795976359649772E-4</v>
          </cell>
          <cell r="R359">
            <v>4.0795976359649772E-4</v>
          </cell>
          <cell r="S359">
            <v>4.0795976359649772E-4</v>
          </cell>
          <cell r="T359">
            <v>4.0795976359649772E-4</v>
          </cell>
          <cell r="U359">
            <v>4.0795976359649772E-4</v>
          </cell>
          <cell r="V359">
            <v>4.0795976359649772E-4</v>
          </cell>
          <cell r="W359">
            <v>4.0795976359649772E-4</v>
          </cell>
          <cell r="Y359">
            <v>0</v>
          </cell>
          <cell r="Z359">
            <v>0</v>
          </cell>
        </row>
        <row r="360">
          <cell r="A360" t="str">
            <v>Pre_custodian_%</v>
          </cell>
          <cell r="G360">
            <v>8.4109260811390934E-5</v>
          </cell>
          <cell r="H360">
            <v>1.0114753810713715E-4</v>
          </cell>
          <cell r="I360">
            <v>9.2628399459264042E-5</v>
          </cell>
          <cell r="J360">
            <v>9.2628399459264042E-5</v>
          </cell>
          <cell r="K360">
            <v>9.2628399459264042E-5</v>
          </cell>
          <cell r="L360">
            <v>9.2628399459264042E-5</v>
          </cell>
          <cell r="M360">
            <v>9.2628399459264042E-5</v>
          </cell>
          <cell r="N360">
            <v>9.2628399459264042E-5</v>
          </cell>
          <cell r="O360">
            <v>9.2628399459264042E-5</v>
          </cell>
          <cell r="P360">
            <v>9.2628399459264042E-5</v>
          </cell>
          <cell r="Q360">
            <v>9.2628399459264042E-5</v>
          </cell>
          <cell r="R360">
            <v>9.2628399459264042E-5</v>
          </cell>
          <cell r="S360">
            <v>9.2628399459264042E-5</v>
          </cell>
          <cell r="T360">
            <v>9.2628399459264042E-5</v>
          </cell>
          <cell r="U360">
            <v>9.2628399459264042E-5</v>
          </cell>
          <cell r="V360">
            <v>9.2628399459264042E-5</v>
          </cell>
          <cell r="W360">
            <v>9.2628399459264042E-5</v>
          </cell>
        </row>
        <row r="361">
          <cell r="A361" t="str">
            <v>Sma_custodian_%</v>
          </cell>
          <cell r="G361">
            <v>1.3161758126439612E-4</v>
          </cell>
          <cell r="H361">
            <v>1.2365000465521051E-4</v>
          </cell>
          <cell r="I361">
            <v>1.2763379295980333E-4</v>
          </cell>
          <cell r="J361">
            <v>1.2763379295980333E-4</v>
          </cell>
          <cell r="K361">
            <v>1.2763379295980333E-4</v>
          </cell>
          <cell r="L361">
            <v>1.2763379295980333E-4</v>
          </cell>
          <cell r="M361">
            <v>1.2763379295980333E-4</v>
          </cell>
          <cell r="N361">
            <v>1.2763379295980333E-4</v>
          </cell>
          <cell r="O361">
            <v>1.2763379295980333E-4</v>
          </cell>
          <cell r="P361">
            <v>1.2763379295980333E-4</v>
          </cell>
          <cell r="Q361">
            <v>1.2763379295980333E-4</v>
          </cell>
          <cell r="R361">
            <v>1.2763379295980333E-4</v>
          </cell>
          <cell r="S361">
            <v>1.2763379295980333E-4</v>
          </cell>
          <cell r="T361">
            <v>1.2763379295980333E-4</v>
          </cell>
          <cell r="U361">
            <v>1.2763379295980333E-4</v>
          </cell>
          <cell r="V361">
            <v>1.2763379295980333E-4</v>
          </cell>
          <cell r="W361">
            <v>1.2763379295980333E-4</v>
          </cell>
        </row>
        <row r="362">
          <cell r="A362" t="str">
            <v>Pri_custodian_%</v>
          </cell>
          <cell r="G362">
            <v>2.576865828961486E-5</v>
          </cell>
          <cell r="H362">
            <v>2.8708446133789366E-5</v>
          </cell>
          <cell r="I362">
            <v>2.7238552211702111E-5</v>
          </cell>
          <cell r="J362">
            <v>2.7238552211702111E-5</v>
          </cell>
          <cell r="K362">
            <v>2.7238552211702111E-5</v>
          </cell>
          <cell r="L362">
            <v>2.7238552211702111E-5</v>
          </cell>
          <cell r="M362">
            <v>2.7238552211702111E-5</v>
          </cell>
          <cell r="N362">
            <v>2.7238552211702111E-5</v>
          </cell>
          <cell r="O362">
            <v>2.7238552211702111E-5</v>
          </cell>
          <cell r="P362">
            <v>2.7238552211702111E-5</v>
          </cell>
          <cell r="Q362">
            <v>2.7238552211702111E-5</v>
          </cell>
          <cell r="R362">
            <v>2.7238552211702111E-5</v>
          </cell>
          <cell r="S362">
            <v>2.7238552211702111E-5</v>
          </cell>
          <cell r="T362">
            <v>2.7238552211702111E-5</v>
          </cell>
          <cell r="U362">
            <v>2.7238552211702111E-5</v>
          </cell>
          <cell r="V362">
            <v>2.7238552211702111E-5</v>
          </cell>
          <cell r="W362">
            <v>2.7238552211702111E-5</v>
          </cell>
        </row>
        <row r="363">
          <cell r="A363" t="str">
            <v>Fam_custodian_%</v>
          </cell>
          <cell r="G363">
            <v>1.4706876474547321E-5</v>
          </cell>
          <cell r="H363">
            <v>1.7440101842041648E-5</v>
          </cell>
          <cell r="I363">
            <v>1.6073489158294484E-5</v>
          </cell>
          <cell r="J363">
            <v>1.6073489158294484E-5</v>
          </cell>
          <cell r="K363">
            <v>1.6073489158294484E-5</v>
          </cell>
          <cell r="L363">
            <v>1.6073489158294484E-5</v>
          </cell>
          <cell r="M363">
            <v>1.6073489158294484E-5</v>
          </cell>
          <cell r="N363">
            <v>1.6073489158294484E-5</v>
          </cell>
          <cell r="O363">
            <v>1.6073489158294484E-5</v>
          </cell>
          <cell r="P363">
            <v>1.6073489158294484E-5</v>
          </cell>
          <cell r="Q363">
            <v>1.6073489158294484E-5</v>
          </cell>
          <cell r="R363">
            <v>1.6073489158294484E-5</v>
          </cell>
          <cell r="S363">
            <v>1.6073489158294484E-5</v>
          </cell>
          <cell r="T363">
            <v>1.6073489158294484E-5</v>
          </cell>
          <cell r="U363">
            <v>1.6073489158294484E-5</v>
          </cell>
          <cell r="V363">
            <v>1.6073489158294484E-5</v>
          </cell>
          <cell r="W363">
            <v>1.6073489158294484E-5</v>
          </cell>
        </row>
        <row r="364">
          <cell r="A364" t="str">
            <v>PMI_custodian_%</v>
          </cell>
          <cell r="G364">
            <v>0</v>
          </cell>
          <cell r="H364">
            <v>9.2118106380565677E-6</v>
          </cell>
          <cell r="I364">
            <v>4.6059053190282839E-6</v>
          </cell>
          <cell r="J364">
            <v>4.6059053190282839E-6</v>
          </cell>
          <cell r="K364">
            <v>4.6059053190282839E-6</v>
          </cell>
          <cell r="L364">
            <v>4.6059053190282839E-6</v>
          </cell>
          <cell r="M364">
            <v>4.6059053190282839E-6</v>
          </cell>
          <cell r="N364">
            <v>4.6059053190282839E-6</v>
          </cell>
          <cell r="O364">
            <v>4.6059053190282839E-6</v>
          </cell>
          <cell r="P364">
            <v>4.6059053190282839E-6</v>
          </cell>
          <cell r="Q364">
            <v>4.6059053190282839E-6</v>
          </cell>
          <cell r="R364">
            <v>4.6059053190282839E-6</v>
          </cell>
          <cell r="S364">
            <v>4.6059053190282839E-6</v>
          </cell>
          <cell r="T364">
            <v>4.6059053190282839E-6</v>
          </cell>
          <cell r="U364">
            <v>4.6059053190282839E-6</v>
          </cell>
          <cell r="V364">
            <v>4.6059053190282839E-6</v>
          </cell>
          <cell r="W364">
            <v>4.6059053190282839E-6</v>
          </cell>
        </row>
        <row r="365">
          <cell r="A365" t="str">
            <v>ENT_custodian_%</v>
          </cell>
          <cell r="G365">
            <v>3.3407456720739914E-6</v>
          </cell>
          <cell r="H365">
            <v>3.2020902821130335E-6</v>
          </cell>
          <cell r="I365">
            <v>3.2714179770935125E-6</v>
          </cell>
          <cell r="J365">
            <v>3.2714179770935125E-6</v>
          </cell>
          <cell r="K365">
            <v>3.2714179770935125E-6</v>
          </cell>
          <cell r="L365">
            <v>3.2714179770935125E-6</v>
          </cell>
          <cell r="M365">
            <v>3.2714179770935125E-6</v>
          </cell>
          <cell r="N365">
            <v>3.2714179770935125E-6</v>
          </cell>
          <cell r="O365">
            <v>3.2714179770935125E-6</v>
          </cell>
          <cell r="P365">
            <v>3.2714179770935125E-6</v>
          </cell>
          <cell r="Q365">
            <v>3.2714179770935125E-6</v>
          </cell>
          <cell r="R365">
            <v>3.2714179770935125E-6</v>
          </cell>
          <cell r="S365">
            <v>3.2714179770935125E-6</v>
          </cell>
          <cell r="T365">
            <v>3.2714179770935125E-6</v>
          </cell>
          <cell r="U365">
            <v>3.2714179770935125E-6</v>
          </cell>
          <cell r="V365">
            <v>3.2714179770935125E-6</v>
          </cell>
          <cell r="W365">
            <v>3.2714179770935125E-6</v>
          </cell>
        </row>
        <row r="366">
          <cell r="A366" t="str">
            <v>Cor_custodian_%</v>
          </cell>
          <cell r="G366">
            <v>0</v>
          </cell>
          <cell r="H366">
            <v>6.4196623648852051E-7</v>
          </cell>
          <cell r="I366">
            <v>3.2098311824426026E-7</v>
          </cell>
          <cell r="J366">
            <v>3.2098311824426026E-7</v>
          </cell>
          <cell r="K366">
            <v>3.2098311824426026E-7</v>
          </cell>
          <cell r="L366">
            <v>3.2098311824426026E-7</v>
          </cell>
          <cell r="M366">
            <v>3.2098311824426026E-7</v>
          </cell>
          <cell r="N366">
            <v>3.2098311824426026E-7</v>
          </cell>
          <cell r="O366">
            <v>3.2098311824426026E-7</v>
          </cell>
          <cell r="P366">
            <v>3.2098311824426026E-7</v>
          </cell>
          <cell r="Q366">
            <v>3.2098311824426026E-7</v>
          </cell>
          <cell r="R366">
            <v>3.2098311824426026E-7</v>
          </cell>
          <cell r="S366">
            <v>3.2098311824426026E-7</v>
          </cell>
          <cell r="T366">
            <v>3.2098311824426026E-7</v>
          </cell>
          <cell r="U366">
            <v>3.2098311824426026E-7</v>
          </cell>
          <cell r="V366">
            <v>3.2098311824426026E-7</v>
          </cell>
          <cell r="W366">
            <v>3.2098311824426026E-7</v>
          </cell>
        </row>
        <row r="367">
          <cell r="A367" t="str">
            <v>Gra_custodian_%</v>
          </cell>
          <cell r="G367">
            <v>3.2500063301603177E-8</v>
          </cell>
          <cell r="H367">
            <v>1.3436999247117407E-7</v>
          </cell>
          <cell r="I367">
            <v>8.3435027886388624E-8</v>
          </cell>
          <cell r="J367">
            <v>8.3435027886388624E-8</v>
          </cell>
          <cell r="K367">
            <v>8.3435027886388624E-8</v>
          </cell>
          <cell r="L367">
            <v>8.3435027886388624E-8</v>
          </cell>
          <cell r="M367">
            <v>8.3435027886388624E-8</v>
          </cell>
          <cell r="N367">
            <v>8.3435027886388624E-8</v>
          </cell>
          <cell r="O367">
            <v>8.3435027886388624E-8</v>
          </cell>
          <cell r="P367">
            <v>8.3435027886388624E-8</v>
          </cell>
          <cell r="Q367">
            <v>8.3435027886388624E-8</v>
          </cell>
          <cell r="R367">
            <v>8.3435027886388624E-8</v>
          </cell>
          <cell r="S367">
            <v>8.3435027886388624E-8</v>
          </cell>
          <cell r="T367">
            <v>8.3435027886388624E-8</v>
          </cell>
          <cell r="U367">
            <v>8.3435027886388624E-8</v>
          </cell>
          <cell r="V367">
            <v>8.3435027886388624E-8</v>
          </cell>
          <cell r="W367">
            <v>8.3435027886388624E-8</v>
          </cell>
        </row>
        <row r="368">
          <cell r="A368" t="str">
            <v>FEX_custodian_%</v>
          </cell>
          <cell r="G368">
            <v>0</v>
          </cell>
          <cell r="H368">
            <v>0</v>
          </cell>
          <cell r="I368">
            <v>0</v>
          </cell>
          <cell r="J368">
            <v>0</v>
          </cell>
          <cell r="K368">
            <v>0</v>
          </cell>
          <cell r="L368">
            <v>0</v>
          </cell>
          <cell r="M368">
            <v>0</v>
          </cell>
          <cell r="N368">
            <v>0</v>
          </cell>
          <cell r="O368">
            <v>0</v>
          </cell>
          <cell r="P368">
            <v>0</v>
          </cell>
          <cell r="Q368">
            <v>0</v>
          </cell>
          <cell r="R368">
            <v>0</v>
          </cell>
          <cell r="S368">
            <v>0</v>
          </cell>
          <cell r="T368">
            <v>0</v>
          </cell>
          <cell r="U368">
            <v>0</v>
          </cell>
          <cell r="V368">
            <v>0</v>
          </cell>
          <cell r="W368">
            <v>0</v>
          </cell>
        </row>
        <row r="369">
          <cell r="A369" t="str">
            <v>MCL_custodian_%</v>
          </cell>
          <cell r="G369">
            <v>0</v>
          </cell>
          <cell r="H369">
            <v>0</v>
          </cell>
          <cell r="I369">
            <v>0</v>
          </cell>
          <cell r="J369">
            <v>0</v>
          </cell>
          <cell r="K369">
            <v>0</v>
          </cell>
          <cell r="L369">
            <v>0</v>
          </cell>
          <cell r="M369">
            <v>0</v>
          </cell>
          <cell r="N369">
            <v>0</v>
          </cell>
          <cell r="O369">
            <v>0</v>
          </cell>
          <cell r="P369">
            <v>0</v>
          </cell>
          <cell r="Q369">
            <v>0</v>
          </cell>
          <cell r="R369">
            <v>0</v>
          </cell>
          <cell r="S369">
            <v>0</v>
          </cell>
          <cell r="T369">
            <v>0</v>
          </cell>
          <cell r="U369">
            <v>0</v>
          </cell>
          <cell r="V369">
            <v>0</v>
          </cell>
          <cell r="W369">
            <v>0</v>
          </cell>
        </row>
        <row r="370">
          <cell r="A370" t="str">
            <v>MCG_custodian_%</v>
          </cell>
          <cell r="G370">
            <v>0</v>
          </cell>
          <cell r="H370">
            <v>0</v>
          </cell>
          <cell r="I370">
            <v>0</v>
          </cell>
          <cell r="J370">
            <v>0</v>
          </cell>
          <cell r="K370">
            <v>0</v>
          </cell>
          <cell r="L370">
            <v>0</v>
          </cell>
          <cell r="M370">
            <v>0</v>
          </cell>
          <cell r="N370">
            <v>0</v>
          </cell>
          <cell r="O370">
            <v>0</v>
          </cell>
          <cell r="P370">
            <v>0</v>
          </cell>
          <cell r="Q370">
            <v>0</v>
          </cell>
          <cell r="R370">
            <v>0</v>
          </cell>
          <cell r="S370">
            <v>0</v>
          </cell>
          <cell r="T370">
            <v>0</v>
          </cell>
          <cell r="U370">
            <v>0</v>
          </cell>
          <cell r="V370">
            <v>0</v>
          </cell>
          <cell r="W370">
            <v>0</v>
          </cell>
        </row>
        <row r="371">
          <cell r="A371" t="str">
            <v>MLE_custodian_%</v>
          </cell>
          <cell r="G371">
            <v>0</v>
          </cell>
          <cell r="H371">
            <v>0</v>
          </cell>
          <cell r="I371">
            <v>0</v>
          </cell>
          <cell r="J371">
            <v>0</v>
          </cell>
          <cell r="K371">
            <v>0</v>
          </cell>
          <cell r="L371">
            <v>0</v>
          </cell>
          <cell r="M371">
            <v>0</v>
          </cell>
          <cell r="N371">
            <v>0</v>
          </cell>
          <cell r="O371">
            <v>0</v>
          </cell>
          <cell r="P371">
            <v>0</v>
          </cell>
          <cell r="Q371">
            <v>0</v>
          </cell>
          <cell r="R371">
            <v>0</v>
          </cell>
          <cell r="S371">
            <v>0</v>
          </cell>
          <cell r="T371">
            <v>0</v>
          </cell>
          <cell r="U371">
            <v>0</v>
          </cell>
          <cell r="V371">
            <v>0</v>
          </cell>
          <cell r="W371">
            <v>0</v>
          </cell>
        </row>
        <row r="372">
          <cell r="A372" t="str">
            <v>MFA_custodian_%</v>
          </cell>
          <cell r="G372">
            <v>0</v>
          </cell>
          <cell r="H372">
            <v>0</v>
          </cell>
          <cell r="I372">
            <v>0</v>
          </cell>
          <cell r="J372">
            <v>0</v>
          </cell>
          <cell r="K372">
            <v>0</v>
          </cell>
          <cell r="L372">
            <v>0</v>
          </cell>
          <cell r="M372">
            <v>0</v>
          </cell>
          <cell r="N372">
            <v>0</v>
          </cell>
          <cell r="O372">
            <v>0</v>
          </cell>
          <cell r="P372">
            <v>0</v>
          </cell>
          <cell r="Q372">
            <v>0</v>
          </cell>
          <cell r="R372">
            <v>0</v>
          </cell>
          <cell r="S372">
            <v>0</v>
          </cell>
          <cell r="T372">
            <v>0</v>
          </cell>
          <cell r="U372">
            <v>0</v>
          </cell>
          <cell r="V372">
            <v>0</v>
          </cell>
          <cell r="W372">
            <v>0</v>
          </cell>
        </row>
        <row r="373">
          <cell r="A373" t="str">
            <v>MBQ_custodian_%</v>
          </cell>
          <cell r="G373">
            <v>0</v>
          </cell>
          <cell r="H373">
            <v>0</v>
          </cell>
          <cell r="I373">
            <v>0</v>
          </cell>
          <cell r="J373">
            <v>0</v>
          </cell>
          <cell r="K373">
            <v>0</v>
          </cell>
          <cell r="L373">
            <v>0</v>
          </cell>
          <cell r="M373">
            <v>0</v>
          </cell>
          <cell r="N373">
            <v>0</v>
          </cell>
          <cell r="O373">
            <v>0</v>
          </cell>
          <cell r="P373">
            <v>0</v>
          </cell>
          <cell r="Q373">
            <v>0</v>
          </cell>
          <cell r="R373">
            <v>0</v>
          </cell>
          <cell r="S373">
            <v>0</v>
          </cell>
          <cell r="T373">
            <v>0</v>
          </cell>
          <cell r="U373">
            <v>0</v>
          </cell>
          <cell r="V373">
            <v>0</v>
          </cell>
          <cell r="W373">
            <v>0</v>
          </cell>
        </row>
        <row r="374">
          <cell r="A374" t="str">
            <v>MBG_custodian_%</v>
          </cell>
          <cell r="G374">
            <v>0</v>
          </cell>
          <cell r="H374">
            <v>0</v>
          </cell>
          <cell r="I374">
            <v>0</v>
          </cell>
          <cell r="J374">
            <v>0</v>
          </cell>
          <cell r="K374">
            <v>0</v>
          </cell>
          <cell r="L374">
            <v>0</v>
          </cell>
          <cell r="M374">
            <v>0</v>
          </cell>
          <cell r="N374">
            <v>0</v>
          </cell>
          <cell r="O374">
            <v>0</v>
          </cell>
          <cell r="P374">
            <v>0</v>
          </cell>
          <cell r="Q374">
            <v>0</v>
          </cell>
          <cell r="R374">
            <v>0</v>
          </cell>
          <cell r="S374">
            <v>0</v>
          </cell>
          <cell r="T374">
            <v>0</v>
          </cell>
          <cell r="U374">
            <v>0</v>
          </cell>
          <cell r="V374">
            <v>0</v>
          </cell>
          <cell r="W374">
            <v>0</v>
          </cell>
        </row>
        <row r="375">
          <cell r="A375" t="str">
            <v>WID_custodian_%</v>
          </cell>
          <cell r="G375">
            <v>0</v>
          </cell>
          <cell r="H375">
            <v>0</v>
          </cell>
          <cell r="I375">
            <v>0</v>
          </cell>
          <cell r="J375">
            <v>0</v>
          </cell>
          <cell r="K375">
            <v>0</v>
          </cell>
          <cell r="L375">
            <v>0</v>
          </cell>
          <cell r="M375">
            <v>0</v>
          </cell>
          <cell r="N375">
            <v>0</v>
          </cell>
          <cell r="O375">
            <v>0</v>
          </cell>
          <cell r="P375">
            <v>0</v>
          </cell>
          <cell r="Q375">
            <v>0</v>
          </cell>
          <cell r="R375">
            <v>0</v>
          </cell>
          <cell r="S375">
            <v>0</v>
          </cell>
          <cell r="T375">
            <v>0</v>
          </cell>
          <cell r="U375">
            <v>0</v>
          </cell>
          <cell r="V375">
            <v>0</v>
          </cell>
          <cell r="W375">
            <v>0</v>
          </cell>
        </row>
        <row r="376">
          <cell r="A376" t="str">
            <v>FIN_custodian_%</v>
          </cell>
          <cell r="G376">
            <v>0</v>
          </cell>
          <cell r="H376">
            <v>0</v>
          </cell>
          <cell r="I376">
            <v>0</v>
          </cell>
          <cell r="J376">
            <v>0</v>
          </cell>
          <cell r="K376">
            <v>0</v>
          </cell>
          <cell r="L376">
            <v>0</v>
          </cell>
          <cell r="M376">
            <v>0</v>
          </cell>
          <cell r="N376">
            <v>0</v>
          </cell>
          <cell r="O376">
            <v>0</v>
          </cell>
          <cell r="P376">
            <v>0</v>
          </cell>
          <cell r="Q376">
            <v>0</v>
          </cell>
          <cell r="R376">
            <v>0</v>
          </cell>
          <cell r="S376">
            <v>0</v>
          </cell>
          <cell r="T376">
            <v>0</v>
          </cell>
          <cell r="U376">
            <v>0</v>
          </cell>
          <cell r="V376">
            <v>0</v>
          </cell>
          <cell r="W376">
            <v>0</v>
          </cell>
        </row>
        <row r="377">
          <cell r="A377" t="str">
            <v>ALM_custodian_%</v>
          </cell>
          <cell r="G377">
            <v>0</v>
          </cell>
          <cell r="H377">
            <v>0</v>
          </cell>
          <cell r="I377">
            <v>0</v>
          </cell>
          <cell r="J377">
            <v>0</v>
          </cell>
          <cell r="K377">
            <v>0</v>
          </cell>
          <cell r="L377">
            <v>0</v>
          </cell>
          <cell r="M377">
            <v>0</v>
          </cell>
          <cell r="N377">
            <v>0</v>
          </cell>
          <cell r="O377">
            <v>0</v>
          </cell>
          <cell r="P377">
            <v>0</v>
          </cell>
          <cell r="Q377">
            <v>0</v>
          </cell>
          <cell r="R377">
            <v>0</v>
          </cell>
          <cell r="S377">
            <v>0</v>
          </cell>
          <cell r="T377">
            <v>0</v>
          </cell>
          <cell r="U377">
            <v>0</v>
          </cell>
          <cell r="V377">
            <v>0</v>
          </cell>
          <cell r="W377">
            <v>0</v>
          </cell>
        </row>
        <row r="378">
          <cell r="A378" t="str">
            <v>FUO_custodian_%</v>
          </cell>
          <cell r="G378">
            <v>3.4860216983257172E-4</v>
          </cell>
          <cell r="H378">
            <v>3.3590330870294561E-4</v>
          </cell>
          <cell r="I378">
            <v>3.4225273926775869E-4</v>
          </cell>
          <cell r="J378">
            <v>3.4225273926775869E-4</v>
          </cell>
          <cell r="K378">
            <v>3.4225273926775869E-4</v>
          </cell>
          <cell r="L378">
            <v>3.4225273926775869E-4</v>
          </cell>
          <cell r="M378">
            <v>3.4225273926775869E-4</v>
          </cell>
          <cell r="N378">
            <v>3.4225273926775869E-4</v>
          </cell>
          <cell r="O378">
            <v>3.4225273926775869E-4</v>
          </cell>
          <cell r="P378">
            <v>3.4225273926775869E-4</v>
          </cell>
          <cell r="Q378">
            <v>3.4225273926775869E-4</v>
          </cell>
          <cell r="R378">
            <v>3.4225273926775869E-4</v>
          </cell>
          <cell r="S378">
            <v>3.4225273926775869E-4</v>
          </cell>
          <cell r="T378">
            <v>3.4225273926775869E-4</v>
          </cell>
          <cell r="U378">
            <v>3.4225273926775869E-4</v>
          </cell>
          <cell r="V378">
            <v>3.4225273926775869E-4</v>
          </cell>
          <cell r="W378">
            <v>3.4225273926775869E-4</v>
          </cell>
        </row>
        <row r="379">
          <cell r="A379" t="str">
            <v>XXX_custodian_%</v>
          </cell>
          <cell r="G379">
            <v>0</v>
          </cell>
          <cell r="H379">
            <v>0</v>
          </cell>
          <cell r="I379">
            <v>0</v>
          </cell>
          <cell r="J379">
            <v>0</v>
          </cell>
          <cell r="K379">
            <v>0</v>
          </cell>
          <cell r="L379">
            <v>0</v>
          </cell>
          <cell r="M379">
            <v>0</v>
          </cell>
          <cell r="N379">
            <v>0</v>
          </cell>
          <cell r="O379">
            <v>0</v>
          </cell>
          <cell r="P379">
            <v>0</v>
          </cell>
          <cell r="Q379">
            <v>0</v>
          </cell>
          <cell r="R379">
            <v>0</v>
          </cell>
          <cell r="S379">
            <v>0</v>
          </cell>
          <cell r="T379">
            <v>0</v>
          </cell>
          <cell r="U379">
            <v>0</v>
          </cell>
          <cell r="V379">
            <v>0</v>
          </cell>
          <cell r="W379">
            <v>0</v>
          </cell>
        </row>
        <row r="380">
          <cell r="G380">
            <v>0</v>
          </cell>
          <cell r="H380">
            <v>0</v>
          </cell>
          <cell r="I380">
            <v>0</v>
          </cell>
          <cell r="J380">
            <v>0</v>
          </cell>
          <cell r="K380">
            <v>0</v>
          </cell>
          <cell r="L380">
            <v>0</v>
          </cell>
          <cell r="M380">
            <v>0</v>
          </cell>
          <cell r="N380">
            <v>0</v>
          </cell>
          <cell r="O380">
            <v>0</v>
          </cell>
          <cell r="P380">
            <v>0</v>
          </cell>
          <cell r="Q380">
            <v>0</v>
          </cell>
          <cell r="R380">
            <v>0</v>
          </cell>
          <cell r="S380">
            <v>0</v>
          </cell>
          <cell r="T380">
            <v>0</v>
          </cell>
          <cell r="U380">
            <v>0</v>
          </cell>
          <cell r="V380">
            <v>0</v>
          </cell>
          <cell r="W380">
            <v>0</v>
          </cell>
        </row>
        <row r="381">
          <cell r="A381" t="str">
            <v>Val_advisory_%</v>
          </cell>
          <cell r="G381">
            <v>1.0343033142162027E-4</v>
          </cell>
          <cell r="H381">
            <v>1.1224967461858319E-4</v>
          </cell>
          <cell r="I381">
            <v>1.0784000302010173E-4</v>
          </cell>
          <cell r="J381">
            <v>1.0784000302010173E-4</v>
          </cell>
          <cell r="K381">
            <v>1.0784000302010173E-4</v>
          </cell>
          <cell r="L381">
            <v>1.0784000302010173E-4</v>
          </cell>
          <cell r="M381">
            <v>1.0784000302010173E-4</v>
          </cell>
          <cell r="N381">
            <v>1.0784000302010173E-4</v>
          </cell>
          <cell r="O381">
            <v>1.0784000302010173E-4</v>
          </cell>
          <cell r="P381">
            <v>1.0784000302010173E-4</v>
          </cell>
          <cell r="Q381">
            <v>1.0784000302010173E-4</v>
          </cell>
          <cell r="R381">
            <v>1.0784000302010173E-4</v>
          </cell>
          <cell r="S381">
            <v>1.0784000302010173E-4</v>
          </cell>
          <cell r="T381">
            <v>1.0784000302010173E-4</v>
          </cell>
          <cell r="U381">
            <v>1.0784000302010173E-4</v>
          </cell>
          <cell r="V381">
            <v>1.0784000302010173E-4</v>
          </cell>
          <cell r="W381">
            <v>1.0784000302010173E-4</v>
          </cell>
          <cell r="Y381">
            <v>0</v>
          </cell>
          <cell r="Z381">
            <v>0</v>
          </cell>
        </row>
        <row r="382">
          <cell r="A382" t="str">
            <v>Pre_advisory_%</v>
          </cell>
          <cell r="G382">
            <v>7.5925726079078957E-5</v>
          </cell>
          <cell r="H382">
            <v>8.5504575815723539E-5</v>
          </cell>
          <cell r="I382">
            <v>8.0715150947401255E-5</v>
          </cell>
          <cell r="J382">
            <v>8.0715150947401255E-5</v>
          </cell>
          <cell r="K382">
            <v>8.0715150947401255E-5</v>
          </cell>
          <cell r="L382">
            <v>8.0715150947401255E-5</v>
          </cell>
          <cell r="M382">
            <v>8.0715150947401255E-5</v>
          </cell>
          <cell r="N382">
            <v>8.0715150947401255E-5</v>
          </cell>
          <cell r="O382">
            <v>8.0715150947401255E-5</v>
          </cell>
          <cell r="P382">
            <v>8.0715150947401255E-5</v>
          </cell>
          <cell r="Q382">
            <v>8.0715150947401255E-5</v>
          </cell>
          <cell r="R382">
            <v>8.0715150947401255E-5</v>
          </cell>
          <cell r="S382">
            <v>8.0715150947401255E-5</v>
          </cell>
          <cell r="T382">
            <v>8.0715150947401255E-5</v>
          </cell>
          <cell r="U382">
            <v>8.0715150947401255E-5</v>
          </cell>
          <cell r="V382">
            <v>8.0715150947401255E-5</v>
          </cell>
          <cell r="W382">
            <v>8.0715150947401255E-5</v>
          </cell>
        </row>
        <row r="383">
          <cell r="A383" t="str">
            <v>Sma_advisory_%</v>
          </cell>
          <cell r="G383">
            <v>2.6942151751282754E-5</v>
          </cell>
          <cell r="H383">
            <v>3.4623855283005433E-5</v>
          </cell>
          <cell r="I383">
            <v>3.0783003517144095E-5</v>
          </cell>
          <cell r="J383">
            <v>3.0783003517144095E-5</v>
          </cell>
          <cell r="K383">
            <v>3.0783003517144095E-5</v>
          </cell>
          <cell r="L383">
            <v>3.0783003517144095E-5</v>
          </cell>
          <cell r="M383">
            <v>3.0783003517144095E-5</v>
          </cell>
          <cell r="N383">
            <v>3.0783003517144095E-5</v>
          </cell>
          <cell r="O383">
            <v>3.0783003517144095E-5</v>
          </cell>
          <cell r="P383">
            <v>3.0783003517144095E-5</v>
          </cell>
          <cell r="Q383">
            <v>3.0783003517144095E-5</v>
          </cell>
          <cell r="R383">
            <v>3.0783003517144095E-5</v>
          </cell>
          <cell r="S383">
            <v>3.0783003517144095E-5</v>
          </cell>
          <cell r="T383">
            <v>3.0783003517144095E-5</v>
          </cell>
          <cell r="U383">
            <v>3.0783003517144095E-5</v>
          </cell>
          <cell r="V383">
            <v>3.0783003517144095E-5</v>
          </cell>
          <cell r="W383">
            <v>3.0783003517144095E-5</v>
          </cell>
        </row>
        <row r="384">
          <cell r="A384" t="str">
            <v>Pri_advisory_%</v>
          </cell>
          <cell r="G384">
            <v>5.4829319615858383E-5</v>
          </cell>
          <cell r="H384">
            <v>6.7447450249537828E-5</v>
          </cell>
          <cell r="I384">
            <v>6.1138384932698099E-5</v>
          </cell>
          <cell r="J384">
            <v>6.1138384932698099E-5</v>
          </cell>
          <cell r="K384">
            <v>6.1138384932698099E-5</v>
          </cell>
          <cell r="L384">
            <v>6.1138384932698099E-5</v>
          </cell>
          <cell r="M384">
            <v>6.1138384932698099E-5</v>
          </cell>
          <cell r="N384">
            <v>6.1138384932698099E-5</v>
          </cell>
          <cell r="O384">
            <v>6.1138384932698099E-5</v>
          </cell>
          <cell r="P384">
            <v>6.1138384932698099E-5</v>
          </cell>
          <cell r="Q384">
            <v>6.1138384932698099E-5</v>
          </cell>
          <cell r="R384">
            <v>6.1138384932698099E-5</v>
          </cell>
          <cell r="S384">
            <v>6.1138384932698099E-5</v>
          </cell>
          <cell r="T384">
            <v>6.1138384932698099E-5</v>
          </cell>
          <cell r="U384">
            <v>6.1138384932698099E-5</v>
          </cell>
          <cell r="V384">
            <v>6.1138384932698099E-5</v>
          </cell>
          <cell r="W384">
            <v>6.1138384932698099E-5</v>
          </cell>
        </row>
        <row r="385">
          <cell r="A385" t="str">
            <v>Fam_advisory_%</v>
          </cell>
          <cell r="G385">
            <v>3.3331124014406847E-5</v>
          </cell>
          <cell r="H385">
            <v>4.7535682962549048E-5</v>
          </cell>
          <cell r="I385">
            <v>4.0433403488477951E-5</v>
          </cell>
          <cell r="J385">
            <v>4.0433403488477951E-5</v>
          </cell>
          <cell r="K385">
            <v>4.0433403488477951E-5</v>
          </cell>
          <cell r="L385">
            <v>4.0433403488477951E-5</v>
          </cell>
          <cell r="M385">
            <v>4.0433403488477951E-5</v>
          </cell>
          <cell r="N385">
            <v>4.0433403488477951E-5</v>
          </cell>
          <cell r="O385">
            <v>4.0433403488477951E-5</v>
          </cell>
          <cell r="P385">
            <v>4.0433403488477951E-5</v>
          </cell>
          <cell r="Q385">
            <v>4.0433403488477951E-5</v>
          </cell>
          <cell r="R385">
            <v>4.0433403488477951E-5</v>
          </cell>
          <cell r="S385">
            <v>4.0433403488477951E-5</v>
          </cell>
          <cell r="T385">
            <v>4.0433403488477951E-5</v>
          </cell>
          <cell r="U385">
            <v>4.0433403488477951E-5</v>
          </cell>
          <cell r="V385">
            <v>4.0433403488477951E-5</v>
          </cell>
          <cell r="W385">
            <v>4.0433403488477951E-5</v>
          </cell>
        </row>
        <row r="386">
          <cell r="A386" t="str">
            <v>PMI_advisory_%</v>
          </cell>
          <cell r="G386">
            <v>0</v>
          </cell>
          <cell r="H386">
            <v>1.9676486862468218E-6</v>
          </cell>
          <cell r="I386">
            <v>9.8382434312341091E-7</v>
          </cell>
          <cell r="J386">
            <v>9.8382434312341091E-7</v>
          </cell>
          <cell r="K386">
            <v>9.8382434312341091E-7</v>
          </cell>
          <cell r="L386">
            <v>9.8382434312341091E-7</v>
          </cell>
          <cell r="M386">
            <v>9.8382434312341091E-7</v>
          </cell>
          <cell r="N386">
            <v>9.8382434312341091E-7</v>
          </cell>
          <cell r="O386">
            <v>9.8382434312341091E-7</v>
          </cell>
          <cell r="P386">
            <v>9.8382434312341091E-7</v>
          </cell>
          <cell r="Q386">
            <v>9.8382434312341091E-7</v>
          </cell>
          <cell r="R386">
            <v>9.8382434312341091E-7</v>
          </cell>
          <cell r="S386">
            <v>9.8382434312341091E-7</v>
          </cell>
          <cell r="T386">
            <v>9.8382434312341091E-7</v>
          </cell>
          <cell r="U386">
            <v>9.8382434312341091E-7</v>
          </cell>
          <cell r="V386">
            <v>9.8382434312341091E-7</v>
          </cell>
          <cell r="W386">
            <v>9.8382434312341091E-7</v>
          </cell>
        </row>
        <row r="387">
          <cell r="A387" t="str">
            <v>ENT_advisory_%</v>
          </cell>
          <cell r="G387">
            <v>2.6568330222060004E-7</v>
          </cell>
          <cell r="H387">
            <v>2.0832868790471646E-7</v>
          </cell>
          <cell r="I387">
            <v>2.3700599506265826E-7</v>
          </cell>
          <cell r="J387">
            <v>2.3700599506265826E-7</v>
          </cell>
          <cell r="K387">
            <v>2.3700599506265826E-7</v>
          </cell>
          <cell r="L387">
            <v>2.3700599506265826E-7</v>
          </cell>
          <cell r="M387">
            <v>2.3700599506265826E-7</v>
          </cell>
          <cell r="N387">
            <v>2.3700599506265826E-7</v>
          </cell>
          <cell r="O387">
            <v>2.3700599506265826E-7</v>
          </cell>
          <cell r="P387">
            <v>2.3700599506265826E-7</v>
          </cell>
          <cell r="Q387">
            <v>2.3700599506265826E-7</v>
          </cell>
          <cell r="R387">
            <v>2.3700599506265826E-7</v>
          </cell>
          <cell r="S387">
            <v>2.3700599506265826E-7</v>
          </cell>
          <cell r="T387">
            <v>2.3700599506265826E-7</v>
          </cell>
          <cell r="U387">
            <v>2.3700599506265826E-7</v>
          </cell>
          <cell r="V387">
            <v>2.3700599506265826E-7</v>
          </cell>
          <cell r="W387">
            <v>2.3700599506265826E-7</v>
          </cell>
        </row>
        <row r="388">
          <cell r="A388" t="str">
            <v>Cor_advisory_%</v>
          </cell>
          <cell r="G388">
            <v>0</v>
          </cell>
          <cell r="H388">
            <v>4.2204955252781904E-8</v>
          </cell>
          <cell r="I388">
            <v>2.1102477626390952E-8</v>
          </cell>
          <cell r="J388">
            <v>2.1102477626390952E-8</v>
          </cell>
          <cell r="K388">
            <v>2.1102477626390952E-8</v>
          </cell>
          <cell r="L388">
            <v>2.1102477626390952E-8</v>
          </cell>
          <cell r="M388">
            <v>2.1102477626390952E-8</v>
          </cell>
          <cell r="N388">
            <v>2.1102477626390952E-8</v>
          </cell>
          <cell r="O388">
            <v>2.1102477626390952E-8</v>
          </cell>
          <cell r="P388">
            <v>2.1102477626390952E-8</v>
          </cell>
          <cell r="Q388">
            <v>2.1102477626390952E-8</v>
          </cell>
          <cell r="R388">
            <v>2.1102477626390952E-8</v>
          </cell>
          <cell r="S388">
            <v>2.1102477626390952E-8</v>
          </cell>
          <cell r="T388">
            <v>2.1102477626390952E-8</v>
          </cell>
          <cell r="U388">
            <v>2.1102477626390952E-8</v>
          </cell>
          <cell r="V388">
            <v>2.1102477626390952E-8</v>
          </cell>
          <cell r="W388">
            <v>2.1102477626390952E-8</v>
          </cell>
        </row>
        <row r="389">
          <cell r="A389" t="str">
            <v>Gra_advisory_%</v>
          </cell>
          <cell r="G389">
            <v>4.5954161087679739E-6</v>
          </cell>
          <cell r="H389">
            <v>0</v>
          </cell>
          <cell r="I389">
            <v>2.297708054383987E-6</v>
          </cell>
          <cell r="J389">
            <v>2.297708054383987E-6</v>
          </cell>
          <cell r="K389">
            <v>2.297708054383987E-6</v>
          </cell>
          <cell r="L389">
            <v>2.297708054383987E-6</v>
          </cell>
          <cell r="M389">
            <v>2.297708054383987E-6</v>
          </cell>
          <cell r="N389">
            <v>2.297708054383987E-6</v>
          </cell>
          <cell r="O389">
            <v>2.297708054383987E-6</v>
          </cell>
          <cell r="P389">
            <v>2.297708054383987E-6</v>
          </cell>
          <cell r="Q389">
            <v>2.297708054383987E-6</v>
          </cell>
          <cell r="R389">
            <v>2.297708054383987E-6</v>
          </cell>
          <cell r="S389">
            <v>2.297708054383987E-6</v>
          </cell>
          <cell r="T389">
            <v>2.297708054383987E-6</v>
          </cell>
          <cell r="U389">
            <v>2.297708054383987E-6</v>
          </cell>
          <cell r="V389">
            <v>2.297708054383987E-6</v>
          </cell>
          <cell r="W389">
            <v>2.297708054383987E-6</v>
          </cell>
        </row>
        <row r="390">
          <cell r="A390" t="str">
            <v>FEX_advisory_%</v>
          </cell>
          <cell r="G390">
            <v>0</v>
          </cell>
          <cell r="H390">
            <v>0</v>
          </cell>
          <cell r="I390">
            <v>0</v>
          </cell>
          <cell r="J390">
            <v>0</v>
          </cell>
          <cell r="K390">
            <v>0</v>
          </cell>
          <cell r="L390">
            <v>0</v>
          </cell>
          <cell r="M390">
            <v>0</v>
          </cell>
          <cell r="N390">
            <v>0</v>
          </cell>
          <cell r="O390">
            <v>0</v>
          </cell>
          <cell r="P390">
            <v>0</v>
          </cell>
          <cell r="Q390">
            <v>0</v>
          </cell>
          <cell r="R390">
            <v>0</v>
          </cell>
          <cell r="S390">
            <v>0</v>
          </cell>
          <cell r="T390">
            <v>0</v>
          </cell>
          <cell r="U390">
            <v>0</v>
          </cell>
          <cell r="V390">
            <v>0</v>
          </cell>
          <cell r="W390">
            <v>0</v>
          </cell>
        </row>
        <row r="391">
          <cell r="A391" t="str">
            <v>MCL_advisory_%</v>
          </cell>
          <cell r="G391">
            <v>0</v>
          </cell>
          <cell r="H391">
            <v>0</v>
          </cell>
          <cell r="I391">
            <v>0</v>
          </cell>
          <cell r="J391">
            <v>0</v>
          </cell>
          <cell r="K391">
            <v>0</v>
          </cell>
          <cell r="L391">
            <v>0</v>
          </cell>
          <cell r="M391">
            <v>0</v>
          </cell>
          <cell r="N391">
            <v>0</v>
          </cell>
          <cell r="O391">
            <v>0</v>
          </cell>
          <cell r="P391">
            <v>0</v>
          </cell>
          <cell r="Q391">
            <v>0</v>
          </cell>
          <cell r="R391">
            <v>0</v>
          </cell>
          <cell r="S391">
            <v>0</v>
          </cell>
          <cell r="T391">
            <v>0</v>
          </cell>
          <cell r="U391">
            <v>0</v>
          </cell>
          <cell r="V391">
            <v>0</v>
          </cell>
          <cell r="W391">
            <v>0</v>
          </cell>
        </row>
        <row r="392">
          <cell r="A392" t="str">
            <v>MCG_advisory_%</v>
          </cell>
          <cell r="G392">
            <v>0</v>
          </cell>
          <cell r="H392">
            <v>0</v>
          </cell>
          <cell r="I392">
            <v>0</v>
          </cell>
          <cell r="J392">
            <v>0</v>
          </cell>
          <cell r="K392">
            <v>0</v>
          </cell>
          <cell r="L392">
            <v>0</v>
          </cell>
          <cell r="M392">
            <v>0</v>
          </cell>
          <cell r="N392">
            <v>0</v>
          </cell>
          <cell r="O392">
            <v>0</v>
          </cell>
          <cell r="P392">
            <v>0</v>
          </cell>
          <cell r="Q392">
            <v>0</v>
          </cell>
          <cell r="R392">
            <v>0</v>
          </cell>
          <cell r="S392">
            <v>0</v>
          </cell>
          <cell r="T392">
            <v>0</v>
          </cell>
          <cell r="U392">
            <v>0</v>
          </cell>
          <cell r="V392">
            <v>0</v>
          </cell>
          <cell r="W392">
            <v>0</v>
          </cell>
        </row>
        <row r="393">
          <cell r="A393" t="str">
            <v>MLE_advisory_%</v>
          </cell>
          <cell r="G393">
            <v>0</v>
          </cell>
          <cell r="H393">
            <v>0</v>
          </cell>
          <cell r="I393">
            <v>0</v>
          </cell>
          <cell r="J393">
            <v>0</v>
          </cell>
          <cell r="K393">
            <v>0</v>
          </cell>
          <cell r="L393">
            <v>0</v>
          </cell>
          <cell r="M393">
            <v>0</v>
          </cell>
          <cell r="N393">
            <v>0</v>
          </cell>
          <cell r="O393">
            <v>0</v>
          </cell>
          <cell r="P393">
            <v>0</v>
          </cell>
          <cell r="Q393">
            <v>0</v>
          </cell>
          <cell r="R393">
            <v>0</v>
          </cell>
          <cell r="S393">
            <v>0</v>
          </cell>
          <cell r="T393">
            <v>0</v>
          </cell>
          <cell r="U393">
            <v>0</v>
          </cell>
          <cell r="V393">
            <v>0</v>
          </cell>
          <cell r="W393">
            <v>0</v>
          </cell>
        </row>
        <row r="394">
          <cell r="A394" t="str">
            <v>MFA_advisory_%</v>
          </cell>
          <cell r="G394">
            <v>0</v>
          </cell>
          <cell r="H394">
            <v>0</v>
          </cell>
          <cell r="I394">
            <v>0</v>
          </cell>
          <cell r="J394">
            <v>0</v>
          </cell>
          <cell r="K394">
            <v>0</v>
          </cell>
          <cell r="L394">
            <v>0</v>
          </cell>
          <cell r="M394">
            <v>0</v>
          </cell>
          <cell r="N394">
            <v>0</v>
          </cell>
          <cell r="O394">
            <v>0</v>
          </cell>
          <cell r="P394">
            <v>0</v>
          </cell>
          <cell r="Q394">
            <v>0</v>
          </cell>
          <cell r="R394">
            <v>0</v>
          </cell>
          <cell r="S394">
            <v>0</v>
          </cell>
          <cell r="T394">
            <v>0</v>
          </cell>
          <cell r="U394">
            <v>0</v>
          </cell>
          <cell r="V394">
            <v>0</v>
          </cell>
          <cell r="W394">
            <v>0</v>
          </cell>
        </row>
        <row r="395">
          <cell r="A395" t="str">
            <v>MBQ_advisory_%</v>
          </cell>
          <cell r="G395">
            <v>0</v>
          </cell>
          <cell r="H395">
            <v>0</v>
          </cell>
          <cell r="I395">
            <v>0</v>
          </cell>
          <cell r="J395">
            <v>0</v>
          </cell>
          <cell r="K395">
            <v>0</v>
          </cell>
          <cell r="L395">
            <v>0</v>
          </cell>
          <cell r="M395">
            <v>0</v>
          </cell>
          <cell r="N395">
            <v>0</v>
          </cell>
          <cell r="O395">
            <v>0</v>
          </cell>
          <cell r="P395">
            <v>0</v>
          </cell>
          <cell r="Q395">
            <v>0</v>
          </cell>
          <cell r="R395">
            <v>0</v>
          </cell>
          <cell r="S395">
            <v>0</v>
          </cell>
          <cell r="T395">
            <v>0</v>
          </cell>
          <cell r="U395">
            <v>0</v>
          </cell>
          <cell r="V395">
            <v>0</v>
          </cell>
          <cell r="W395">
            <v>0</v>
          </cell>
        </row>
        <row r="396">
          <cell r="A396" t="str">
            <v>MBG_advisory_%</v>
          </cell>
          <cell r="G396">
            <v>0</v>
          </cell>
          <cell r="H396">
            <v>0</v>
          </cell>
          <cell r="I396">
            <v>0</v>
          </cell>
          <cell r="J396">
            <v>0</v>
          </cell>
          <cell r="K396">
            <v>0</v>
          </cell>
          <cell r="L396">
            <v>0</v>
          </cell>
          <cell r="M396">
            <v>0</v>
          </cell>
          <cell r="N396">
            <v>0</v>
          </cell>
          <cell r="O396">
            <v>0</v>
          </cell>
          <cell r="P396">
            <v>0</v>
          </cell>
          <cell r="Q396">
            <v>0</v>
          </cell>
          <cell r="R396">
            <v>0</v>
          </cell>
          <cell r="S396">
            <v>0</v>
          </cell>
          <cell r="T396">
            <v>0</v>
          </cell>
          <cell r="U396">
            <v>0</v>
          </cell>
          <cell r="V396">
            <v>0</v>
          </cell>
          <cell r="W396">
            <v>0</v>
          </cell>
        </row>
        <row r="397">
          <cell r="A397" t="str">
            <v>WID_advisory_%</v>
          </cell>
          <cell r="G397">
            <v>0</v>
          </cell>
          <cell r="H397">
            <v>0</v>
          </cell>
          <cell r="I397">
            <v>0</v>
          </cell>
          <cell r="J397">
            <v>0</v>
          </cell>
          <cell r="K397">
            <v>0</v>
          </cell>
          <cell r="L397">
            <v>0</v>
          </cell>
          <cell r="M397">
            <v>0</v>
          </cell>
          <cell r="N397">
            <v>0</v>
          </cell>
          <cell r="O397">
            <v>0</v>
          </cell>
          <cell r="P397">
            <v>0</v>
          </cell>
          <cell r="Q397">
            <v>0</v>
          </cell>
          <cell r="R397">
            <v>0</v>
          </cell>
          <cell r="S397">
            <v>0</v>
          </cell>
          <cell r="T397">
            <v>0</v>
          </cell>
          <cell r="U397">
            <v>0</v>
          </cell>
          <cell r="V397">
            <v>0</v>
          </cell>
          <cell r="W397">
            <v>0</v>
          </cell>
        </row>
        <row r="398">
          <cell r="A398" t="str">
            <v>FIN_advisory_%</v>
          </cell>
          <cell r="G398">
            <v>0</v>
          </cell>
          <cell r="H398">
            <v>0</v>
          </cell>
          <cell r="I398">
            <v>0</v>
          </cell>
          <cell r="J398">
            <v>0</v>
          </cell>
          <cell r="K398">
            <v>0</v>
          </cell>
          <cell r="L398">
            <v>0</v>
          </cell>
          <cell r="M398">
            <v>0</v>
          </cell>
          <cell r="N398">
            <v>0</v>
          </cell>
          <cell r="O398">
            <v>0</v>
          </cell>
          <cell r="P398">
            <v>0</v>
          </cell>
          <cell r="Q398">
            <v>0</v>
          </cell>
          <cell r="R398">
            <v>0</v>
          </cell>
          <cell r="S398">
            <v>0</v>
          </cell>
          <cell r="T398">
            <v>0</v>
          </cell>
          <cell r="U398">
            <v>0</v>
          </cell>
          <cell r="V398">
            <v>0</v>
          </cell>
          <cell r="W398">
            <v>0</v>
          </cell>
        </row>
        <row r="399">
          <cell r="A399" t="str">
            <v>ALM_advisory_%</v>
          </cell>
          <cell r="G399">
            <v>0</v>
          </cell>
          <cell r="H399">
            <v>0</v>
          </cell>
          <cell r="I399">
            <v>0</v>
          </cell>
          <cell r="J399">
            <v>0</v>
          </cell>
          <cell r="K399">
            <v>0</v>
          </cell>
          <cell r="L399">
            <v>0</v>
          </cell>
          <cell r="M399">
            <v>0</v>
          </cell>
          <cell r="N399">
            <v>0</v>
          </cell>
          <cell r="O399">
            <v>0</v>
          </cell>
          <cell r="P399">
            <v>0</v>
          </cell>
          <cell r="Q399">
            <v>0</v>
          </cell>
          <cell r="R399">
            <v>0</v>
          </cell>
          <cell r="S399">
            <v>0</v>
          </cell>
          <cell r="T399">
            <v>0</v>
          </cell>
          <cell r="U399">
            <v>0</v>
          </cell>
          <cell r="V399">
            <v>0</v>
          </cell>
          <cell r="W399">
            <v>0</v>
          </cell>
        </row>
        <row r="400">
          <cell r="A400" t="str">
            <v>FUO_advisory_%</v>
          </cell>
          <cell r="G400">
            <v>0</v>
          </cell>
          <cell r="H400">
            <v>0</v>
          </cell>
          <cell r="I400">
            <v>0</v>
          </cell>
          <cell r="J400">
            <v>0</v>
          </cell>
          <cell r="K400">
            <v>0</v>
          </cell>
          <cell r="L400">
            <v>0</v>
          </cell>
          <cell r="M400">
            <v>0</v>
          </cell>
          <cell r="N400">
            <v>0</v>
          </cell>
          <cell r="O400">
            <v>0</v>
          </cell>
          <cell r="P400">
            <v>0</v>
          </cell>
          <cell r="Q400">
            <v>0</v>
          </cell>
          <cell r="R400">
            <v>0</v>
          </cell>
          <cell r="S400">
            <v>0</v>
          </cell>
          <cell r="T400">
            <v>0</v>
          </cell>
          <cell r="U400">
            <v>0</v>
          </cell>
          <cell r="V400">
            <v>0</v>
          </cell>
          <cell r="W400">
            <v>0</v>
          </cell>
        </row>
        <row r="401">
          <cell r="A401" t="str">
            <v>XXX_advisory_%</v>
          </cell>
          <cell r="G401">
            <v>0</v>
          </cell>
          <cell r="H401">
            <v>0</v>
          </cell>
          <cell r="I401">
            <v>0</v>
          </cell>
          <cell r="J401">
            <v>0</v>
          </cell>
          <cell r="K401">
            <v>0</v>
          </cell>
          <cell r="L401">
            <v>0</v>
          </cell>
          <cell r="M401">
            <v>0</v>
          </cell>
          <cell r="N401">
            <v>0</v>
          </cell>
          <cell r="O401">
            <v>0</v>
          </cell>
          <cell r="P401">
            <v>0</v>
          </cell>
          <cell r="Q401">
            <v>0</v>
          </cell>
          <cell r="R401">
            <v>0</v>
          </cell>
          <cell r="S401">
            <v>0</v>
          </cell>
          <cell r="T401">
            <v>0</v>
          </cell>
          <cell r="U401">
            <v>0</v>
          </cell>
          <cell r="V401">
            <v>0</v>
          </cell>
          <cell r="W401">
            <v>0</v>
          </cell>
        </row>
        <row r="402">
          <cell r="G402">
            <v>0</v>
          </cell>
          <cell r="H402">
            <v>0</v>
          </cell>
          <cell r="I402">
            <v>0</v>
          </cell>
          <cell r="J402">
            <v>0</v>
          </cell>
          <cell r="K402">
            <v>0</v>
          </cell>
          <cell r="L402">
            <v>0</v>
          </cell>
          <cell r="M402">
            <v>0</v>
          </cell>
          <cell r="N402">
            <v>0</v>
          </cell>
          <cell r="O402">
            <v>0</v>
          </cell>
          <cell r="P402">
            <v>0</v>
          </cell>
          <cell r="Q402">
            <v>0</v>
          </cell>
          <cell r="R402">
            <v>0</v>
          </cell>
          <cell r="S402">
            <v>0</v>
          </cell>
          <cell r="T402">
            <v>0</v>
          </cell>
          <cell r="U402">
            <v>0</v>
          </cell>
          <cell r="V402">
            <v>0</v>
          </cell>
          <cell r="W402">
            <v>0</v>
          </cell>
        </row>
        <row r="403">
          <cell r="G403">
            <v>0</v>
          </cell>
          <cell r="H403">
            <v>0</v>
          </cell>
          <cell r="I403">
            <v>0</v>
          </cell>
          <cell r="J403">
            <v>0</v>
          </cell>
          <cell r="K403">
            <v>0</v>
          </cell>
          <cell r="L403">
            <v>0</v>
          </cell>
          <cell r="M403">
            <v>0</v>
          </cell>
          <cell r="N403">
            <v>0</v>
          </cell>
          <cell r="O403">
            <v>0</v>
          </cell>
          <cell r="P403">
            <v>0</v>
          </cell>
          <cell r="Q403">
            <v>0</v>
          </cell>
          <cell r="R403">
            <v>0</v>
          </cell>
          <cell r="S403">
            <v>0</v>
          </cell>
          <cell r="T403">
            <v>0</v>
          </cell>
          <cell r="U403">
            <v>0</v>
          </cell>
          <cell r="V403">
            <v>0</v>
          </cell>
          <cell r="W403">
            <v>0</v>
          </cell>
        </row>
        <row r="404">
          <cell r="A404" t="str">
            <v>Val_pro_vita_%</v>
          </cell>
          <cell r="G404">
            <v>0.31146397206741283</v>
          </cell>
          <cell r="H404">
            <v>0.35770600353298132</v>
          </cell>
          <cell r="I404">
            <v>0.33458498780019708</v>
          </cell>
          <cell r="J404">
            <v>0.33458498780019708</v>
          </cell>
          <cell r="K404">
            <v>0.33458498780019708</v>
          </cell>
          <cell r="L404">
            <v>0.33458498780019708</v>
          </cell>
          <cell r="M404">
            <v>0.33458498780019708</v>
          </cell>
          <cell r="N404">
            <v>0.33458498780019708</v>
          </cell>
          <cell r="O404">
            <v>0.33458498780019708</v>
          </cell>
          <cell r="P404">
            <v>0.33458498780019708</v>
          </cell>
          <cell r="Q404">
            <v>0.33458498780019708</v>
          </cell>
          <cell r="R404">
            <v>0.33458498780019708</v>
          </cell>
          <cell r="S404">
            <v>0.33458498780019708</v>
          </cell>
          <cell r="T404">
            <v>0.33458498780019708</v>
          </cell>
          <cell r="U404">
            <v>0.33458498780019708</v>
          </cell>
          <cell r="V404">
            <v>0.33458498780019708</v>
          </cell>
          <cell r="W404">
            <v>0.33458498780019708</v>
          </cell>
          <cell r="Y404">
            <v>0</v>
          </cell>
          <cell r="Z404">
            <v>0</v>
          </cell>
        </row>
        <row r="405">
          <cell r="A405" t="str">
            <v>Pre_pro_vita_%</v>
          </cell>
          <cell r="G405">
            <v>0.19266219354960182</v>
          </cell>
          <cell r="H405">
            <v>0.2825251356671592</v>
          </cell>
          <cell r="I405">
            <v>0.23759366460838049</v>
          </cell>
          <cell r="J405">
            <v>0.23759366460838049</v>
          </cell>
          <cell r="K405">
            <v>0.23759366460838049</v>
          </cell>
          <cell r="L405">
            <v>0.23759366460838049</v>
          </cell>
          <cell r="M405">
            <v>0.23759366460838049</v>
          </cell>
          <cell r="N405">
            <v>0.23759366460838049</v>
          </cell>
          <cell r="O405">
            <v>0.23759366460838049</v>
          </cell>
          <cell r="P405">
            <v>0.23759366460838049</v>
          </cell>
          <cell r="Q405">
            <v>0.23759366460838049</v>
          </cell>
          <cell r="R405">
            <v>0.23759366460838049</v>
          </cell>
          <cell r="S405">
            <v>0.23759366460838049</v>
          </cell>
          <cell r="T405">
            <v>0.23759366460838049</v>
          </cell>
          <cell r="U405">
            <v>0.23759366460838049</v>
          </cell>
          <cell r="V405">
            <v>0.23759366460838049</v>
          </cell>
          <cell r="W405">
            <v>0.23759366460838049</v>
          </cell>
        </row>
        <row r="406">
          <cell r="A406" t="str">
            <v>Sma_pro_vita_%</v>
          </cell>
          <cell r="G406">
            <v>0.11184798322058129</v>
          </cell>
          <cell r="H406">
            <v>0.21270653198646944</v>
          </cell>
          <cell r="I406">
            <v>0.16227725760352535</v>
          </cell>
          <cell r="J406">
            <v>0.16227725760352535</v>
          </cell>
          <cell r="K406">
            <v>0.16227725760352535</v>
          </cell>
          <cell r="L406">
            <v>0.16227725760352535</v>
          </cell>
          <cell r="M406">
            <v>0.16227725760352535</v>
          </cell>
          <cell r="N406">
            <v>0.16227725760352535</v>
          </cell>
          <cell r="O406">
            <v>0.16227725760352535</v>
          </cell>
          <cell r="P406">
            <v>0.16227725760352535</v>
          </cell>
          <cell r="Q406">
            <v>0.16227725760352535</v>
          </cell>
          <cell r="R406">
            <v>0.16227725760352535</v>
          </cell>
          <cell r="S406">
            <v>0.16227725760352535</v>
          </cell>
          <cell r="T406">
            <v>0.16227725760352535</v>
          </cell>
          <cell r="U406">
            <v>0.16227725760352535</v>
          </cell>
          <cell r="V406">
            <v>0.16227725760352535</v>
          </cell>
          <cell r="W406">
            <v>0.16227725760352535</v>
          </cell>
        </row>
        <row r="407">
          <cell r="A407" t="str">
            <v>Pri_pro_vita_%</v>
          </cell>
          <cell r="G407">
            <v>0.21873994655250872</v>
          </cell>
          <cell r="H407">
            <v>0.32186404463738516</v>
          </cell>
          <cell r="I407">
            <v>0.27030199559494694</v>
          </cell>
          <cell r="J407">
            <v>0.27030199559494694</v>
          </cell>
          <cell r="K407">
            <v>0.27030199559494694</v>
          </cell>
          <cell r="L407">
            <v>0.27030199559494694</v>
          </cell>
          <cell r="M407">
            <v>0.27030199559494694</v>
          </cell>
          <cell r="N407">
            <v>0.27030199559494694</v>
          </cell>
          <cell r="O407">
            <v>0.27030199559494694</v>
          </cell>
          <cell r="P407">
            <v>0.27030199559494694</v>
          </cell>
          <cell r="Q407">
            <v>0.27030199559494694</v>
          </cell>
          <cell r="R407">
            <v>0.27030199559494694</v>
          </cell>
          <cell r="S407">
            <v>0.27030199559494694</v>
          </cell>
          <cell r="T407">
            <v>0.27030199559494694</v>
          </cell>
          <cell r="U407">
            <v>0.27030199559494694</v>
          </cell>
          <cell r="V407">
            <v>0.27030199559494694</v>
          </cell>
          <cell r="W407">
            <v>0.27030199559494694</v>
          </cell>
        </row>
        <row r="408">
          <cell r="A408" t="str">
            <v>Fam_pro_vita_%</v>
          </cell>
          <cell r="G408">
            <v>8.5324474605176698E-2</v>
          </cell>
          <cell r="H408">
            <v>0.10679970436067995</v>
          </cell>
          <cell r="I408">
            <v>9.6062089482928326E-2</v>
          </cell>
          <cell r="J408">
            <v>9.6062089482928326E-2</v>
          </cell>
          <cell r="K408">
            <v>9.6062089482928326E-2</v>
          </cell>
          <cell r="L408">
            <v>9.6062089482928326E-2</v>
          </cell>
          <cell r="M408">
            <v>9.6062089482928326E-2</v>
          </cell>
          <cell r="N408">
            <v>9.6062089482928326E-2</v>
          </cell>
          <cell r="O408">
            <v>9.6062089482928326E-2</v>
          </cell>
          <cell r="P408">
            <v>9.6062089482928326E-2</v>
          </cell>
          <cell r="Q408">
            <v>9.6062089482928326E-2</v>
          </cell>
          <cell r="R408">
            <v>9.6062089482928326E-2</v>
          </cell>
          <cell r="S408">
            <v>9.6062089482928326E-2</v>
          </cell>
          <cell r="T408">
            <v>9.6062089482928326E-2</v>
          </cell>
          <cell r="U408">
            <v>9.6062089482928326E-2</v>
          </cell>
          <cell r="V408">
            <v>9.6062089482928326E-2</v>
          </cell>
          <cell r="W408">
            <v>9.6062089482928326E-2</v>
          </cell>
        </row>
        <row r="409">
          <cell r="A409" t="str">
            <v>PMI_pro_vita_%</v>
          </cell>
          <cell r="G409">
            <v>0</v>
          </cell>
          <cell r="H409">
            <v>0</v>
          </cell>
          <cell r="I409">
            <v>0</v>
          </cell>
          <cell r="J409">
            <v>0</v>
          </cell>
          <cell r="K409">
            <v>0</v>
          </cell>
          <cell r="L409">
            <v>0</v>
          </cell>
          <cell r="M409">
            <v>0</v>
          </cell>
          <cell r="N409">
            <v>0</v>
          </cell>
          <cell r="O409">
            <v>0</v>
          </cell>
          <cell r="P409">
            <v>0</v>
          </cell>
          <cell r="Q409">
            <v>0</v>
          </cell>
          <cell r="R409">
            <v>0</v>
          </cell>
          <cell r="S409">
            <v>0</v>
          </cell>
          <cell r="T409">
            <v>0</v>
          </cell>
          <cell r="U409">
            <v>0</v>
          </cell>
          <cell r="V409">
            <v>0</v>
          </cell>
          <cell r="W409">
            <v>0</v>
          </cell>
        </row>
        <row r="410">
          <cell r="A410" t="str">
            <v>ENT_pro_vita_%</v>
          </cell>
          <cell r="G410">
            <v>0</v>
          </cell>
          <cell r="H410">
            <v>0</v>
          </cell>
          <cell r="I410">
            <v>0</v>
          </cell>
          <cell r="J410">
            <v>0</v>
          </cell>
          <cell r="K410">
            <v>0</v>
          </cell>
          <cell r="L410">
            <v>0</v>
          </cell>
          <cell r="M410">
            <v>0</v>
          </cell>
          <cell r="N410">
            <v>0</v>
          </cell>
          <cell r="O410">
            <v>0</v>
          </cell>
          <cell r="P410">
            <v>0</v>
          </cell>
          <cell r="Q410">
            <v>0</v>
          </cell>
          <cell r="R410">
            <v>0</v>
          </cell>
          <cell r="S410">
            <v>0</v>
          </cell>
          <cell r="T410">
            <v>0</v>
          </cell>
          <cell r="U410">
            <v>0</v>
          </cell>
          <cell r="V410">
            <v>0</v>
          </cell>
          <cell r="W410">
            <v>0</v>
          </cell>
        </row>
        <row r="411">
          <cell r="A411" t="str">
            <v>Cor_pro_vita_%</v>
          </cell>
          <cell r="G411">
            <v>0</v>
          </cell>
          <cell r="H411">
            <v>0</v>
          </cell>
          <cell r="I411">
            <v>0</v>
          </cell>
          <cell r="J411">
            <v>0</v>
          </cell>
          <cell r="K411">
            <v>0</v>
          </cell>
          <cell r="L411">
            <v>0</v>
          </cell>
          <cell r="M411">
            <v>0</v>
          </cell>
          <cell r="N411">
            <v>0</v>
          </cell>
          <cell r="O411">
            <v>0</v>
          </cell>
          <cell r="P411">
            <v>0</v>
          </cell>
          <cell r="Q411">
            <v>0</v>
          </cell>
          <cell r="R411">
            <v>0</v>
          </cell>
          <cell r="S411">
            <v>0</v>
          </cell>
          <cell r="T411">
            <v>0</v>
          </cell>
          <cell r="U411">
            <v>0</v>
          </cell>
          <cell r="V411">
            <v>0</v>
          </cell>
          <cell r="W411">
            <v>0</v>
          </cell>
        </row>
        <row r="412">
          <cell r="A412" t="str">
            <v>Gra_pro_vita_%</v>
          </cell>
          <cell r="G412">
            <v>0</v>
          </cell>
          <cell r="H412">
            <v>0</v>
          </cell>
          <cell r="I412">
            <v>0</v>
          </cell>
          <cell r="J412">
            <v>0</v>
          </cell>
          <cell r="K412">
            <v>0</v>
          </cell>
          <cell r="L412">
            <v>0</v>
          </cell>
          <cell r="M412">
            <v>0</v>
          </cell>
          <cell r="N412">
            <v>0</v>
          </cell>
          <cell r="O412">
            <v>0</v>
          </cell>
          <cell r="P412">
            <v>0</v>
          </cell>
          <cell r="Q412">
            <v>0</v>
          </cell>
          <cell r="R412">
            <v>0</v>
          </cell>
          <cell r="S412">
            <v>0</v>
          </cell>
          <cell r="T412">
            <v>0</v>
          </cell>
          <cell r="U412">
            <v>0</v>
          </cell>
          <cell r="V412">
            <v>0</v>
          </cell>
          <cell r="W412">
            <v>0</v>
          </cell>
        </row>
        <row r="413">
          <cell r="A413" t="str">
            <v>FEX_pro_vita_%</v>
          </cell>
          <cell r="G413">
            <v>0</v>
          </cell>
          <cell r="H413">
            <v>0</v>
          </cell>
          <cell r="I413">
            <v>0</v>
          </cell>
          <cell r="J413">
            <v>0</v>
          </cell>
          <cell r="K413">
            <v>0</v>
          </cell>
          <cell r="L413">
            <v>0</v>
          </cell>
          <cell r="M413">
            <v>0</v>
          </cell>
          <cell r="N413">
            <v>0</v>
          </cell>
          <cell r="O413">
            <v>0</v>
          </cell>
          <cell r="P413">
            <v>0</v>
          </cell>
          <cell r="Q413">
            <v>0</v>
          </cell>
          <cell r="R413">
            <v>0</v>
          </cell>
          <cell r="S413">
            <v>0</v>
          </cell>
          <cell r="T413">
            <v>0</v>
          </cell>
          <cell r="U413">
            <v>0</v>
          </cell>
          <cell r="V413">
            <v>0</v>
          </cell>
          <cell r="W413">
            <v>0</v>
          </cell>
        </row>
        <row r="414">
          <cell r="A414" t="str">
            <v>MCL_pro_vita_%</v>
          </cell>
          <cell r="G414">
            <v>0</v>
          </cell>
          <cell r="H414">
            <v>0</v>
          </cell>
          <cell r="I414">
            <v>0</v>
          </cell>
          <cell r="J414">
            <v>0</v>
          </cell>
          <cell r="K414">
            <v>0</v>
          </cell>
          <cell r="L414">
            <v>0</v>
          </cell>
          <cell r="M414">
            <v>0</v>
          </cell>
          <cell r="N414">
            <v>0</v>
          </cell>
          <cell r="O414">
            <v>0</v>
          </cell>
          <cell r="P414">
            <v>0</v>
          </cell>
          <cell r="Q414">
            <v>0</v>
          </cell>
          <cell r="R414">
            <v>0</v>
          </cell>
          <cell r="S414">
            <v>0</v>
          </cell>
          <cell r="T414">
            <v>0</v>
          </cell>
          <cell r="U414">
            <v>0</v>
          </cell>
          <cell r="V414">
            <v>0</v>
          </cell>
          <cell r="W414">
            <v>0</v>
          </cell>
        </row>
        <row r="415">
          <cell r="A415" t="str">
            <v>MCG_pro_vita_%</v>
          </cell>
          <cell r="G415">
            <v>0</v>
          </cell>
          <cell r="H415">
            <v>0</v>
          </cell>
          <cell r="I415">
            <v>0</v>
          </cell>
          <cell r="J415">
            <v>0</v>
          </cell>
          <cell r="K415">
            <v>0</v>
          </cell>
          <cell r="L415">
            <v>0</v>
          </cell>
          <cell r="M415">
            <v>0</v>
          </cell>
          <cell r="N415">
            <v>0</v>
          </cell>
          <cell r="O415">
            <v>0</v>
          </cell>
          <cell r="P415">
            <v>0</v>
          </cell>
          <cell r="Q415">
            <v>0</v>
          </cell>
          <cell r="R415">
            <v>0</v>
          </cell>
          <cell r="S415">
            <v>0</v>
          </cell>
          <cell r="T415">
            <v>0</v>
          </cell>
          <cell r="U415">
            <v>0</v>
          </cell>
          <cell r="V415">
            <v>0</v>
          </cell>
          <cell r="W415">
            <v>0</v>
          </cell>
        </row>
        <row r="416">
          <cell r="A416" t="str">
            <v>MLE_pro_vita_%</v>
          </cell>
          <cell r="G416">
            <v>0</v>
          </cell>
          <cell r="H416">
            <v>0</v>
          </cell>
          <cell r="I416">
            <v>0</v>
          </cell>
          <cell r="J416">
            <v>0</v>
          </cell>
          <cell r="K416">
            <v>0</v>
          </cell>
          <cell r="L416">
            <v>0</v>
          </cell>
          <cell r="M416">
            <v>0</v>
          </cell>
          <cell r="N416">
            <v>0</v>
          </cell>
          <cell r="O416">
            <v>0</v>
          </cell>
          <cell r="P416">
            <v>0</v>
          </cell>
          <cell r="Q416">
            <v>0</v>
          </cell>
          <cell r="R416">
            <v>0</v>
          </cell>
          <cell r="S416">
            <v>0</v>
          </cell>
          <cell r="T416">
            <v>0</v>
          </cell>
          <cell r="U416">
            <v>0</v>
          </cell>
          <cell r="V416">
            <v>0</v>
          </cell>
          <cell r="W416">
            <v>0</v>
          </cell>
        </row>
        <row r="417">
          <cell r="A417" t="str">
            <v>MFA_pro_vita_%</v>
          </cell>
          <cell r="G417">
            <v>0</v>
          </cell>
          <cell r="H417">
            <v>0</v>
          </cell>
          <cell r="I417">
            <v>0</v>
          </cell>
          <cell r="J417">
            <v>0</v>
          </cell>
          <cell r="K417">
            <v>0</v>
          </cell>
          <cell r="L417">
            <v>0</v>
          </cell>
          <cell r="M417">
            <v>0</v>
          </cell>
          <cell r="N417">
            <v>0</v>
          </cell>
          <cell r="O417">
            <v>0</v>
          </cell>
          <cell r="P417">
            <v>0</v>
          </cell>
          <cell r="Q417">
            <v>0</v>
          </cell>
          <cell r="R417">
            <v>0</v>
          </cell>
          <cell r="S417">
            <v>0</v>
          </cell>
          <cell r="T417">
            <v>0</v>
          </cell>
          <cell r="U417">
            <v>0</v>
          </cell>
          <cell r="V417">
            <v>0</v>
          </cell>
          <cell r="W417">
            <v>0</v>
          </cell>
        </row>
        <row r="418">
          <cell r="A418" t="str">
            <v>MBQ_pro_vita_%</v>
          </cell>
          <cell r="G418">
            <v>0</v>
          </cell>
          <cell r="H418">
            <v>0</v>
          </cell>
          <cell r="I418">
            <v>0</v>
          </cell>
          <cell r="J418">
            <v>0</v>
          </cell>
          <cell r="K418">
            <v>0</v>
          </cell>
          <cell r="L418">
            <v>0</v>
          </cell>
          <cell r="M418">
            <v>0</v>
          </cell>
          <cell r="N418">
            <v>0</v>
          </cell>
          <cell r="O418">
            <v>0</v>
          </cell>
          <cell r="P418">
            <v>0</v>
          </cell>
          <cell r="Q418">
            <v>0</v>
          </cell>
          <cell r="R418">
            <v>0</v>
          </cell>
          <cell r="S418">
            <v>0</v>
          </cell>
          <cell r="T418">
            <v>0</v>
          </cell>
          <cell r="U418">
            <v>0</v>
          </cell>
          <cell r="V418">
            <v>0</v>
          </cell>
          <cell r="W418">
            <v>0</v>
          </cell>
        </row>
        <row r="419">
          <cell r="A419" t="str">
            <v>MBG_pro_vita_%</v>
          </cell>
          <cell r="G419">
            <v>0</v>
          </cell>
          <cell r="H419">
            <v>0</v>
          </cell>
          <cell r="I419">
            <v>0</v>
          </cell>
          <cell r="J419">
            <v>0</v>
          </cell>
          <cell r="K419">
            <v>0</v>
          </cell>
          <cell r="L419">
            <v>0</v>
          </cell>
          <cell r="M419">
            <v>0</v>
          </cell>
          <cell r="N419">
            <v>0</v>
          </cell>
          <cell r="O419">
            <v>0</v>
          </cell>
          <cell r="P419">
            <v>0</v>
          </cell>
          <cell r="Q419">
            <v>0</v>
          </cell>
          <cell r="R419">
            <v>0</v>
          </cell>
          <cell r="S419">
            <v>0</v>
          </cell>
          <cell r="T419">
            <v>0</v>
          </cell>
          <cell r="U419">
            <v>0</v>
          </cell>
          <cell r="V419">
            <v>0</v>
          </cell>
          <cell r="W419">
            <v>0</v>
          </cell>
        </row>
        <row r="420">
          <cell r="A420" t="str">
            <v>WID_pro_vita_%</v>
          </cell>
          <cell r="G420">
            <v>0</v>
          </cell>
          <cell r="H420">
            <v>0</v>
          </cell>
          <cell r="I420">
            <v>0</v>
          </cell>
          <cell r="J420">
            <v>0</v>
          </cell>
          <cell r="K420">
            <v>0</v>
          </cell>
          <cell r="L420">
            <v>0</v>
          </cell>
          <cell r="M420">
            <v>0</v>
          </cell>
          <cell r="N420">
            <v>0</v>
          </cell>
          <cell r="O420">
            <v>0</v>
          </cell>
          <cell r="P420">
            <v>0</v>
          </cell>
          <cell r="Q420">
            <v>0</v>
          </cell>
          <cell r="R420">
            <v>0</v>
          </cell>
          <cell r="S420">
            <v>0</v>
          </cell>
          <cell r="T420">
            <v>0</v>
          </cell>
          <cell r="U420">
            <v>0</v>
          </cell>
          <cell r="V420">
            <v>0</v>
          </cell>
          <cell r="W420">
            <v>0</v>
          </cell>
        </row>
        <row r="421">
          <cell r="A421" t="str">
            <v>FIN_pro_vita_%</v>
          </cell>
          <cell r="G421">
            <v>0</v>
          </cell>
          <cell r="H421">
            <v>0</v>
          </cell>
          <cell r="I421">
            <v>0</v>
          </cell>
          <cell r="J421">
            <v>0</v>
          </cell>
          <cell r="K421">
            <v>0</v>
          </cell>
          <cell r="L421">
            <v>0</v>
          </cell>
          <cell r="M421">
            <v>0</v>
          </cell>
          <cell r="N421">
            <v>0</v>
          </cell>
          <cell r="O421">
            <v>0</v>
          </cell>
          <cell r="P421">
            <v>0</v>
          </cell>
          <cell r="Q421">
            <v>0</v>
          </cell>
          <cell r="R421">
            <v>0</v>
          </cell>
          <cell r="S421">
            <v>0</v>
          </cell>
          <cell r="T421">
            <v>0</v>
          </cell>
          <cell r="U421">
            <v>0</v>
          </cell>
          <cell r="V421">
            <v>0</v>
          </cell>
          <cell r="W421">
            <v>0</v>
          </cell>
        </row>
        <row r="422">
          <cell r="A422" t="str">
            <v>ALM_pro_vita_%</v>
          </cell>
          <cell r="G422">
            <v>0</v>
          </cell>
          <cell r="H422">
            <v>0</v>
          </cell>
          <cell r="I422">
            <v>0</v>
          </cell>
          <cell r="J422">
            <v>0</v>
          </cell>
          <cell r="K422">
            <v>0</v>
          </cell>
          <cell r="L422">
            <v>0</v>
          </cell>
          <cell r="M422">
            <v>0</v>
          </cell>
          <cell r="N422">
            <v>0</v>
          </cell>
          <cell r="O422">
            <v>0</v>
          </cell>
          <cell r="P422">
            <v>0</v>
          </cell>
          <cell r="Q422">
            <v>0</v>
          </cell>
          <cell r="R422">
            <v>0</v>
          </cell>
          <cell r="S422">
            <v>0</v>
          </cell>
          <cell r="T422">
            <v>0</v>
          </cell>
          <cell r="U422">
            <v>0</v>
          </cell>
          <cell r="V422">
            <v>0</v>
          </cell>
          <cell r="W422">
            <v>0</v>
          </cell>
        </row>
        <row r="423">
          <cell r="A423" t="str">
            <v>FUO_pro_vita_%</v>
          </cell>
          <cell r="G423">
            <v>0</v>
          </cell>
          <cell r="H423">
            <v>0</v>
          </cell>
          <cell r="I423">
            <v>0</v>
          </cell>
          <cell r="J423">
            <v>0</v>
          </cell>
          <cell r="K423">
            <v>0</v>
          </cell>
          <cell r="L423">
            <v>0</v>
          </cell>
          <cell r="M423">
            <v>0</v>
          </cell>
          <cell r="N423">
            <v>0</v>
          </cell>
          <cell r="O423">
            <v>0</v>
          </cell>
          <cell r="P423">
            <v>0</v>
          </cell>
          <cell r="Q423">
            <v>0</v>
          </cell>
          <cell r="R423">
            <v>0</v>
          </cell>
          <cell r="S423">
            <v>0</v>
          </cell>
          <cell r="T423">
            <v>0</v>
          </cell>
          <cell r="U423">
            <v>0</v>
          </cell>
          <cell r="V423">
            <v>0</v>
          </cell>
          <cell r="W423">
            <v>0</v>
          </cell>
        </row>
        <row r="424">
          <cell r="A424" t="str">
            <v>XXX_pro_vita_%</v>
          </cell>
          <cell r="G424">
            <v>0</v>
          </cell>
          <cell r="H424">
            <v>0</v>
          </cell>
          <cell r="I424">
            <v>0</v>
          </cell>
          <cell r="J424">
            <v>0</v>
          </cell>
          <cell r="K424">
            <v>0</v>
          </cell>
          <cell r="L424">
            <v>0</v>
          </cell>
          <cell r="M424">
            <v>0</v>
          </cell>
          <cell r="N424">
            <v>0</v>
          </cell>
          <cell r="O424">
            <v>0</v>
          </cell>
          <cell r="P424">
            <v>0</v>
          </cell>
          <cell r="Q424">
            <v>0</v>
          </cell>
          <cell r="R424">
            <v>0</v>
          </cell>
          <cell r="S424">
            <v>0</v>
          </cell>
          <cell r="T424">
            <v>0</v>
          </cell>
          <cell r="U424">
            <v>0</v>
          </cell>
          <cell r="V424">
            <v>0</v>
          </cell>
          <cell r="W424">
            <v>0</v>
          </cell>
        </row>
        <row r="425">
          <cell r="G425">
            <v>0</v>
          </cell>
          <cell r="H425">
            <v>0</v>
          </cell>
          <cell r="I425">
            <v>0</v>
          </cell>
          <cell r="J425">
            <v>0</v>
          </cell>
          <cell r="K425">
            <v>0</v>
          </cell>
          <cell r="L425">
            <v>0</v>
          </cell>
          <cell r="M425">
            <v>0</v>
          </cell>
          <cell r="N425">
            <v>0</v>
          </cell>
          <cell r="O425">
            <v>0</v>
          </cell>
          <cell r="P425">
            <v>0</v>
          </cell>
          <cell r="Q425">
            <v>0</v>
          </cell>
          <cell r="R425">
            <v>0</v>
          </cell>
          <cell r="S425">
            <v>0</v>
          </cell>
          <cell r="T425">
            <v>0</v>
          </cell>
          <cell r="U425">
            <v>0</v>
          </cell>
          <cell r="V425">
            <v>0</v>
          </cell>
          <cell r="W425">
            <v>0</v>
          </cell>
        </row>
        <row r="426">
          <cell r="A426" t="str">
            <v>Val_pro_danni_%</v>
          </cell>
          <cell r="G426">
            <v>0.16828032030628468</v>
          </cell>
          <cell r="H426">
            <v>0.2119267601136966</v>
          </cell>
          <cell r="I426">
            <v>0.19010354020999065</v>
          </cell>
          <cell r="J426">
            <v>0.19010354020999065</v>
          </cell>
          <cell r="K426">
            <v>0.19010354020999065</v>
          </cell>
          <cell r="L426">
            <v>0.19010354020999065</v>
          </cell>
          <cell r="M426">
            <v>0.19010354020999065</v>
          </cell>
          <cell r="N426">
            <v>0.19010354020999065</v>
          </cell>
          <cell r="O426">
            <v>0.19010354020999065</v>
          </cell>
          <cell r="P426">
            <v>0.19010354020999065</v>
          </cell>
          <cell r="Q426">
            <v>0.19010354020999065</v>
          </cell>
          <cell r="R426">
            <v>0.19010354020999065</v>
          </cell>
          <cell r="S426">
            <v>0.19010354020999065</v>
          </cell>
          <cell r="T426">
            <v>0.19010354020999065</v>
          </cell>
          <cell r="U426">
            <v>0.19010354020999065</v>
          </cell>
          <cell r="V426">
            <v>0.19010354020999065</v>
          </cell>
          <cell r="W426">
            <v>0.19010354020999065</v>
          </cell>
          <cell r="Y426">
            <v>0</v>
          </cell>
          <cell r="Z426">
            <v>0</v>
          </cell>
        </row>
        <row r="427">
          <cell r="A427" t="str">
            <v>Pre_pro_danni_%</v>
          </cell>
          <cell r="G427">
            <v>0.12709120430629187</v>
          </cell>
          <cell r="H427">
            <v>0.15172865415250547</v>
          </cell>
          <cell r="I427">
            <v>0.13940992922939865</v>
          </cell>
          <cell r="J427">
            <v>0.13940992922939865</v>
          </cell>
          <cell r="K427">
            <v>0.13940992922939865</v>
          </cell>
          <cell r="L427">
            <v>0.13940992922939865</v>
          </cell>
          <cell r="M427">
            <v>0.13940992922939865</v>
          </cell>
          <cell r="N427">
            <v>0.13940992922939865</v>
          </cell>
          <cell r="O427">
            <v>0.13940992922939865</v>
          </cell>
          <cell r="P427">
            <v>0.13940992922939865</v>
          </cell>
          <cell r="Q427">
            <v>0.13940992922939865</v>
          </cell>
          <cell r="R427">
            <v>0.13940992922939865</v>
          </cell>
          <cell r="S427">
            <v>0.13940992922939865</v>
          </cell>
          <cell r="T427">
            <v>0.13940992922939865</v>
          </cell>
          <cell r="U427">
            <v>0.13940992922939865</v>
          </cell>
          <cell r="V427">
            <v>0.13940992922939865</v>
          </cell>
          <cell r="W427">
            <v>0.13940992922939865</v>
          </cell>
        </row>
        <row r="428">
          <cell r="A428" t="str">
            <v>Sma_pro_danni_%</v>
          </cell>
          <cell r="G428">
            <v>6.2564075566830579E-2</v>
          </cell>
          <cell r="H428">
            <v>0.17664873012797927</v>
          </cell>
          <cell r="I428">
            <v>0.11960640284740492</v>
          </cell>
          <cell r="J428">
            <v>0.11960640284740492</v>
          </cell>
          <cell r="K428">
            <v>0.11960640284740492</v>
          </cell>
          <cell r="L428">
            <v>0.11960640284740492</v>
          </cell>
          <cell r="M428">
            <v>0.11960640284740492</v>
          </cell>
          <cell r="N428">
            <v>0.11960640284740492</v>
          </cell>
          <cell r="O428">
            <v>0.11960640284740492</v>
          </cell>
          <cell r="P428">
            <v>0.11960640284740492</v>
          </cell>
          <cell r="Q428">
            <v>0.11960640284740492</v>
          </cell>
          <cell r="R428">
            <v>0.11960640284740492</v>
          </cell>
          <cell r="S428">
            <v>0.11960640284740492</v>
          </cell>
          <cell r="T428">
            <v>0.11960640284740492</v>
          </cell>
          <cell r="U428">
            <v>0.11960640284740492</v>
          </cell>
          <cell r="V428">
            <v>0.11960640284740492</v>
          </cell>
          <cell r="W428">
            <v>0.11960640284740492</v>
          </cell>
        </row>
        <row r="429">
          <cell r="A429" t="str">
            <v>Pri_pro_danni_%</v>
          </cell>
          <cell r="G429">
            <v>0.12870871742858636</v>
          </cell>
          <cell r="H429">
            <v>0.21721708464453257</v>
          </cell>
          <cell r="I429">
            <v>0.17296290103655948</v>
          </cell>
          <cell r="J429">
            <v>0.17296290103655948</v>
          </cell>
          <cell r="K429">
            <v>0.17296290103655948</v>
          </cell>
          <cell r="L429">
            <v>0.17296290103655948</v>
          </cell>
          <cell r="M429">
            <v>0.17296290103655948</v>
          </cell>
          <cell r="N429">
            <v>0.17296290103655948</v>
          </cell>
          <cell r="O429">
            <v>0.17296290103655948</v>
          </cell>
          <cell r="P429">
            <v>0.17296290103655948</v>
          </cell>
          <cell r="Q429">
            <v>0.17296290103655948</v>
          </cell>
          <cell r="R429">
            <v>0.17296290103655948</v>
          </cell>
          <cell r="S429">
            <v>0.17296290103655948</v>
          </cell>
          <cell r="T429">
            <v>0.17296290103655948</v>
          </cell>
          <cell r="U429">
            <v>0.17296290103655948</v>
          </cell>
          <cell r="V429">
            <v>0.17296290103655948</v>
          </cell>
          <cell r="W429">
            <v>0.17296290103655948</v>
          </cell>
        </row>
        <row r="430">
          <cell r="A430" t="str">
            <v>Fam_pro_danni_%</v>
          </cell>
          <cell r="G430">
            <v>0.12127531383515781</v>
          </cell>
          <cell r="H430">
            <v>0.17425841911724488</v>
          </cell>
          <cell r="I430">
            <v>0.14776686647620135</v>
          </cell>
          <cell r="J430">
            <v>0.14776686647620135</v>
          </cell>
          <cell r="K430">
            <v>0.14776686647620135</v>
          </cell>
          <cell r="L430">
            <v>0.14776686647620135</v>
          </cell>
          <cell r="M430">
            <v>0.14776686647620135</v>
          </cell>
          <cell r="N430">
            <v>0.14776686647620135</v>
          </cell>
          <cell r="O430">
            <v>0.14776686647620135</v>
          </cell>
          <cell r="P430">
            <v>0.14776686647620135</v>
          </cell>
          <cell r="Q430">
            <v>0.14776686647620135</v>
          </cell>
          <cell r="R430">
            <v>0.14776686647620135</v>
          </cell>
          <cell r="S430">
            <v>0.14776686647620135</v>
          </cell>
          <cell r="T430">
            <v>0.14776686647620135</v>
          </cell>
          <cell r="U430">
            <v>0.14776686647620135</v>
          </cell>
          <cell r="V430">
            <v>0.14776686647620135</v>
          </cell>
          <cell r="W430">
            <v>0.14776686647620135</v>
          </cell>
        </row>
        <row r="431">
          <cell r="A431" t="str">
            <v>PMI_pro_danni_%</v>
          </cell>
          <cell r="G431">
            <v>0</v>
          </cell>
          <cell r="H431">
            <v>0.57828323587988473</v>
          </cell>
          <cell r="I431">
            <v>0.28914161793994236</v>
          </cell>
          <cell r="J431">
            <v>0.28914161793994236</v>
          </cell>
          <cell r="K431">
            <v>0.28914161793994236</v>
          </cell>
          <cell r="L431">
            <v>0.28914161793994236</v>
          </cell>
          <cell r="M431">
            <v>0.28914161793994236</v>
          </cell>
          <cell r="N431">
            <v>0.28914161793994236</v>
          </cell>
          <cell r="O431">
            <v>0.28914161793994236</v>
          </cell>
          <cell r="P431">
            <v>0.28914161793994236</v>
          </cell>
          <cell r="Q431">
            <v>0.28914161793994236</v>
          </cell>
          <cell r="R431">
            <v>0.28914161793994236</v>
          </cell>
          <cell r="S431">
            <v>0.28914161793994236</v>
          </cell>
          <cell r="T431">
            <v>0.28914161793994236</v>
          </cell>
          <cell r="U431">
            <v>0.28914161793994236</v>
          </cell>
          <cell r="V431">
            <v>0.28914161793994236</v>
          </cell>
          <cell r="W431">
            <v>0.28914161793994236</v>
          </cell>
        </row>
        <row r="432">
          <cell r="A432" t="str">
            <v>ENT_pro_danni_%</v>
          </cell>
          <cell r="G432">
            <v>8.8758306534752307E-2</v>
          </cell>
          <cell r="H432">
            <v>0.66603412685704877</v>
          </cell>
          <cell r="I432">
            <v>0.37739621669590051</v>
          </cell>
          <cell r="J432">
            <v>0.37739621669590051</v>
          </cell>
          <cell r="K432">
            <v>0.37739621669590051</v>
          </cell>
          <cell r="L432">
            <v>0.37739621669590051</v>
          </cell>
          <cell r="M432">
            <v>0.37739621669590051</v>
          </cell>
          <cell r="N432">
            <v>0.37739621669590051</v>
          </cell>
          <cell r="O432">
            <v>0.37739621669590051</v>
          </cell>
          <cell r="P432">
            <v>0.37739621669590051</v>
          </cell>
          <cell r="Q432">
            <v>0.37739621669590051</v>
          </cell>
          <cell r="R432">
            <v>0.37739621669590051</v>
          </cell>
          <cell r="S432">
            <v>0.37739621669590051</v>
          </cell>
          <cell r="T432">
            <v>0.37739621669590051</v>
          </cell>
          <cell r="U432">
            <v>0.37739621669590051</v>
          </cell>
          <cell r="V432">
            <v>0.37739621669590051</v>
          </cell>
          <cell r="W432">
            <v>0.37739621669590051</v>
          </cell>
        </row>
        <row r="433">
          <cell r="A433" t="str">
            <v>Cor_pro_danni_%</v>
          </cell>
          <cell r="G433">
            <v>0</v>
          </cell>
          <cell r="H433">
            <v>1.7998031111336306</v>
          </cell>
          <cell r="I433">
            <v>0.89990155556681528</v>
          </cell>
          <cell r="J433">
            <v>0.89990155556681528</v>
          </cell>
          <cell r="K433">
            <v>0.89990155556681528</v>
          </cell>
          <cell r="L433">
            <v>0.89990155556681528</v>
          </cell>
          <cell r="M433">
            <v>0.89990155556681528</v>
          </cell>
          <cell r="N433">
            <v>0.89990155556681528</v>
          </cell>
          <cell r="O433">
            <v>0.89990155556681528</v>
          </cell>
          <cell r="P433">
            <v>0.89990155556681528</v>
          </cell>
          <cell r="Q433">
            <v>0.89990155556681528</v>
          </cell>
          <cell r="R433">
            <v>0.89990155556681528</v>
          </cell>
          <cell r="S433">
            <v>0.89990155556681528</v>
          </cell>
          <cell r="T433">
            <v>0.89990155556681528</v>
          </cell>
          <cell r="U433">
            <v>0.89990155556681528</v>
          </cell>
          <cell r="V433">
            <v>0.89990155556681528</v>
          </cell>
          <cell r="W433">
            <v>0.89990155556681528</v>
          </cell>
        </row>
        <row r="434">
          <cell r="A434" t="str">
            <v>Gra_pro_danni_%</v>
          </cell>
          <cell r="G434">
            <v>0.14127887512554396</v>
          </cell>
          <cell r="H434">
            <v>7.3737249600589902E-2</v>
          </cell>
          <cell r="I434">
            <v>0.10750806236306693</v>
          </cell>
          <cell r="J434">
            <v>0.10750806236306693</v>
          </cell>
          <cell r="K434">
            <v>0.10750806236306693</v>
          </cell>
          <cell r="L434">
            <v>0.10750806236306693</v>
          </cell>
          <cell r="M434">
            <v>0.10750806236306693</v>
          </cell>
          <cell r="N434">
            <v>0.10750806236306693</v>
          </cell>
          <cell r="O434">
            <v>0.10750806236306693</v>
          </cell>
          <cell r="P434">
            <v>0.10750806236306693</v>
          </cell>
          <cell r="Q434">
            <v>0.10750806236306693</v>
          </cell>
          <cell r="R434">
            <v>0.10750806236306693</v>
          </cell>
          <cell r="S434">
            <v>0.10750806236306693</v>
          </cell>
          <cell r="T434">
            <v>0.10750806236306693</v>
          </cell>
          <cell r="U434">
            <v>0.10750806236306693</v>
          </cell>
          <cell r="V434">
            <v>0.10750806236306693</v>
          </cell>
          <cell r="W434">
            <v>0.10750806236306693</v>
          </cell>
        </row>
        <row r="435">
          <cell r="A435" t="str">
            <v>FEX_pro_danni_%</v>
          </cell>
          <cell r="G435">
            <v>0</v>
          </cell>
          <cell r="H435">
            <v>0</v>
          </cell>
          <cell r="I435">
            <v>0</v>
          </cell>
          <cell r="J435">
            <v>0</v>
          </cell>
          <cell r="K435">
            <v>0</v>
          </cell>
          <cell r="L435">
            <v>0</v>
          </cell>
          <cell r="M435">
            <v>0</v>
          </cell>
          <cell r="N435">
            <v>0</v>
          </cell>
          <cell r="O435">
            <v>0</v>
          </cell>
          <cell r="P435">
            <v>0</v>
          </cell>
          <cell r="Q435">
            <v>0</v>
          </cell>
          <cell r="R435">
            <v>0</v>
          </cell>
          <cell r="S435">
            <v>0</v>
          </cell>
          <cell r="T435">
            <v>0</v>
          </cell>
          <cell r="U435">
            <v>0</v>
          </cell>
          <cell r="V435">
            <v>0</v>
          </cell>
          <cell r="W435">
            <v>0</v>
          </cell>
        </row>
        <row r="436">
          <cell r="A436" t="str">
            <v>MCL_pro_danni_%</v>
          </cell>
          <cell r="G436">
            <v>0</v>
          </cell>
          <cell r="H436">
            <v>0</v>
          </cell>
          <cell r="I436">
            <v>0</v>
          </cell>
          <cell r="J436">
            <v>0</v>
          </cell>
          <cell r="K436">
            <v>0</v>
          </cell>
          <cell r="L436">
            <v>0</v>
          </cell>
          <cell r="M436">
            <v>0</v>
          </cell>
          <cell r="N436">
            <v>0</v>
          </cell>
          <cell r="O436">
            <v>0</v>
          </cell>
          <cell r="P436">
            <v>0</v>
          </cell>
          <cell r="Q436">
            <v>0</v>
          </cell>
          <cell r="R436">
            <v>0</v>
          </cell>
          <cell r="S436">
            <v>0</v>
          </cell>
          <cell r="T436">
            <v>0</v>
          </cell>
          <cell r="U436">
            <v>0</v>
          </cell>
          <cell r="V436">
            <v>0</v>
          </cell>
          <cell r="W436">
            <v>0</v>
          </cell>
        </row>
        <row r="437">
          <cell r="A437" t="str">
            <v>MCG_pro_danni_%</v>
          </cell>
          <cell r="G437">
            <v>0</v>
          </cell>
          <cell r="H437">
            <v>0</v>
          </cell>
          <cell r="I437">
            <v>0</v>
          </cell>
          <cell r="J437">
            <v>0</v>
          </cell>
          <cell r="K437">
            <v>0</v>
          </cell>
          <cell r="L437">
            <v>0</v>
          </cell>
          <cell r="M437">
            <v>0</v>
          </cell>
          <cell r="N437">
            <v>0</v>
          </cell>
          <cell r="O437">
            <v>0</v>
          </cell>
          <cell r="P437">
            <v>0</v>
          </cell>
          <cell r="Q437">
            <v>0</v>
          </cell>
          <cell r="R437">
            <v>0</v>
          </cell>
          <cell r="S437">
            <v>0</v>
          </cell>
          <cell r="T437">
            <v>0</v>
          </cell>
          <cell r="U437">
            <v>0</v>
          </cell>
          <cell r="V437">
            <v>0</v>
          </cell>
          <cell r="W437">
            <v>0</v>
          </cell>
        </row>
        <row r="438">
          <cell r="A438" t="str">
            <v>MLE_pro_danni_%</v>
          </cell>
          <cell r="G438">
            <v>0</v>
          </cell>
          <cell r="H438">
            <v>0</v>
          </cell>
          <cell r="I438">
            <v>0</v>
          </cell>
          <cell r="J438">
            <v>0</v>
          </cell>
          <cell r="K438">
            <v>0</v>
          </cell>
          <cell r="L438">
            <v>0</v>
          </cell>
          <cell r="M438">
            <v>0</v>
          </cell>
          <cell r="N438">
            <v>0</v>
          </cell>
          <cell r="O438">
            <v>0</v>
          </cell>
          <cell r="P438">
            <v>0</v>
          </cell>
          <cell r="Q438">
            <v>0</v>
          </cell>
          <cell r="R438">
            <v>0</v>
          </cell>
          <cell r="S438">
            <v>0</v>
          </cell>
          <cell r="T438">
            <v>0</v>
          </cell>
          <cell r="U438">
            <v>0</v>
          </cell>
          <cell r="V438">
            <v>0</v>
          </cell>
          <cell r="W438">
            <v>0</v>
          </cell>
        </row>
        <row r="439">
          <cell r="A439" t="str">
            <v>MFA_pro_danni_%</v>
          </cell>
          <cell r="G439">
            <v>0</v>
          </cell>
          <cell r="H439">
            <v>0</v>
          </cell>
          <cell r="I439">
            <v>0</v>
          </cell>
          <cell r="J439">
            <v>0</v>
          </cell>
          <cell r="K439">
            <v>0</v>
          </cell>
          <cell r="L439">
            <v>0</v>
          </cell>
          <cell r="M439">
            <v>0</v>
          </cell>
          <cell r="N439">
            <v>0</v>
          </cell>
          <cell r="O439">
            <v>0</v>
          </cell>
          <cell r="P439">
            <v>0</v>
          </cell>
          <cell r="Q439">
            <v>0</v>
          </cell>
          <cell r="R439">
            <v>0</v>
          </cell>
          <cell r="S439">
            <v>0</v>
          </cell>
          <cell r="T439">
            <v>0</v>
          </cell>
          <cell r="U439">
            <v>0</v>
          </cell>
          <cell r="V439">
            <v>0</v>
          </cell>
          <cell r="W439">
            <v>0</v>
          </cell>
        </row>
        <row r="440">
          <cell r="A440" t="str">
            <v>MBQ_pro_danni_%</v>
          </cell>
          <cell r="G440">
            <v>0</v>
          </cell>
          <cell r="H440">
            <v>0</v>
          </cell>
          <cell r="I440">
            <v>0</v>
          </cell>
          <cell r="J440">
            <v>0</v>
          </cell>
          <cell r="K440">
            <v>0</v>
          </cell>
          <cell r="L440">
            <v>0</v>
          </cell>
          <cell r="M440">
            <v>0</v>
          </cell>
          <cell r="N440">
            <v>0</v>
          </cell>
          <cell r="O440">
            <v>0</v>
          </cell>
          <cell r="P440">
            <v>0</v>
          </cell>
          <cell r="Q440">
            <v>0</v>
          </cell>
          <cell r="R440">
            <v>0</v>
          </cell>
          <cell r="S440">
            <v>0</v>
          </cell>
          <cell r="T440">
            <v>0</v>
          </cell>
          <cell r="U440">
            <v>0</v>
          </cell>
          <cell r="V440">
            <v>0</v>
          </cell>
          <cell r="W440">
            <v>0</v>
          </cell>
        </row>
        <row r="441">
          <cell r="A441" t="str">
            <v>MBG_pro_danni_%</v>
          </cell>
          <cell r="G441">
            <v>0</v>
          </cell>
          <cell r="H441">
            <v>0</v>
          </cell>
          <cell r="I441">
            <v>0</v>
          </cell>
          <cell r="J441">
            <v>0</v>
          </cell>
          <cell r="K441">
            <v>0</v>
          </cell>
          <cell r="L441">
            <v>0</v>
          </cell>
          <cell r="M441">
            <v>0</v>
          </cell>
          <cell r="N441">
            <v>0</v>
          </cell>
          <cell r="O441">
            <v>0</v>
          </cell>
          <cell r="P441">
            <v>0</v>
          </cell>
          <cell r="Q441">
            <v>0</v>
          </cell>
          <cell r="R441">
            <v>0</v>
          </cell>
          <cell r="S441">
            <v>0</v>
          </cell>
          <cell r="T441">
            <v>0</v>
          </cell>
          <cell r="U441">
            <v>0</v>
          </cell>
          <cell r="V441">
            <v>0</v>
          </cell>
          <cell r="W441">
            <v>0</v>
          </cell>
        </row>
        <row r="442">
          <cell r="A442" t="str">
            <v>WID_pro_danni_%</v>
          </cell>
          <cell r="G442">
            <v>0</v>
          </cell>
          <cell r="H442">
            <v>0</v>
          </cell>
          <cell r="I442">
            <v>0</v>
          </cell>
          <cell r="J442">
            <v>0</v>
          </cell>
          <cell r="K442">
            <v>0</v>
          </cell>
          <cell r="L442">
            <v>0</v>
          </cell>
          <cell r="M442">
            <v>0</v>
          </cell>
          <cell r="N442">
            <v>0</v>
          </cell>
          <cell r="O442">
            <v>0</v>
          </cell>
          <cell r="P442">
            <v>0</v>
          </cell>
          <cell r="Q442">
            <v>0</v>
          </cell>
          <cell r="R442">
            <v>0</v>
          </cell>
          <cell r="S442">
            <v>0</v>
          </cell>
          <cell r="T442">
            <v>0</v>
          </cell>
          <cell r="U442">
            <v>0</v>
          </cell>
          <cell r="V442">
            <v>0</v>
          </cell>
          <cell r="W442">
            <v>0</v>
          </cell>
        </row>
        <row r="443">
          <cell r="A443" t="str">
            <v>FIN_pro_danni_%</v>
          </cell>
          <cell r="G443">
            <v>0</v>
          </cell>
          <cell r="H443">
            <v>0</v>
          </cell>
          <cell r="I443">
            <v>0</v>
          </cell>
          <cell r="J443">
            <v>0</v>
          </cell>
          <cell r="K443">
            <v>0</v>
          </cell>
          <cell r="L443">
            <v>0</v>
          </cell>
          <cell r="M443">
            <v>0</v>
          </cell>
          <cell r="N443">
            <v>0</v>
          </cell>
          <cell r="O443">
            <v>0</v>
          </cell>
          <cell r="P443">
            <v>0</v>
          </cell>
          <cell r="Q443">
            <v>0</v>
          </cell>
          <cell r="R443">
            <v>0</v>
          </cell>
          <cell r="S443">
            <v>0</v>
          </cell>
          <cell r="T443">
            <v>0</v>
          </cell>
          <cell r="U443">
            <v>0</v>
          </cell>
          <cell r="V443">
            <v>0</v>
          </cell>
          <cell r="W443">
            <v>0</v>
          </cell>
        </row>
        <row r="444">
          <cell r="A444" t="str">
            <v>ALM_pro_danni_%</v>
          </cell>
          <cell r="G444">
            <v>0</v>
          </cell>
          <cell r="H444">
            <v>0</v>
          </cell>
          <cell r="I444">
            <v>0</v>
          </cell>
          <cell r="J444">
            <v>0</v>
          </cell>
          <cell r="K444">
            <v>0</v>
          </cell>
          <cell r="L444">
            <v>0</v>
          </cell>
          <cell r="M444">
            <v>0</v>
          </cell>
          <cell r="N444">
            <v>0</v>
          </cell>
          <cell r="O444">
            <v>0</v>
          </cell>
          <cell r="P444">
            <v>0</v>
          </cell>
          <cell r="Q444">
            <v>0</v>
          </cell>
          <cell r="R444">
            <v>0</v>
          </cell>
          <cell r="S444">
            <v>0</v>
          </cell>
          <cell r="T444">
            <v>0</v>
          </cell>
          <cell r="U444">
            <v>0</v>
          </cell>
          <cell r="V444">
            <v>0</v>
          </cell>
          <cell r="W444">
            <v>0</v>
          </cell>
        </row>
        <row r="445">
          <cell r="A445" t="str">
            <v>FUO_pro_danni_%</v>
          </cell>
          <cell r="G445">
            <v>0</v>
          </cell>
          <cell r="H445">
            <v>0</v>
          </cell>
          <cell r="I445">
            <v>0</v>
          </cell>
          <cell r="J445">
            <v>0</v>
          </cell>
          <cell r="K445">
            <v>0</v>
          </cell>
          <cell r="L445">
            <v>0</v>
          </cell>
          <cell r="M445">
            <v>0</v>
          </cell>
          <cell r="N445">
            <v>0</v>
          </cell>
          <cell r="O445">
            <v>0</v>
          </cell>
          <cell r="P445">
            <v>0</v>
          </cell>
          <cell r="Q445">
            <v>0</v>
          </cell>
          <cell r="R445">
            <v>0</v>
          </cell>
          <cell r="S445">
            <v>0</v>
          </cell>
          <cell r="T445">
            <v>0</v>
          </cell>
          <cell r="U445">
            <v>0</v>
          </cell>
          <cell r="V445">
            <v>0</v>
          </cell>
          <cell r="W445">
            <v>0</v>
          </cell>
        </row>
        <row r="446">
          <cell r="A446" t="str">
            <v>XXX_pro_danni_%</v>
          </cell>
          <cell r="G446">
            <v>0</v>
          </cell>
          <cell r="H446">
            <v>0</v>
          </cell>
          <cell r="I446">
            <v>0</v>
          </cell>
          <cell r="J446">
            <v>0</v>
          </cell>
          <cell r="K446">
            <v>0</v>
          </cell>
          <cell r="L446">
            <v>0</v>
          </cell>
          <cell r="M446">
            <v>0</v>
          </cell>
          <cell r="N446">
            <v>0</v>
          </cell>
          <cell r="O446">
            <v>0</v>
          </cell>
          <cell r="P446">
            <v>0</v>
          </cell>
          <cell r="Q446">
            <v>0</v>
          </cell>
          <cell r="R446">
            <v>0</v>
          </cell>
          <cell r="S446">
            <v>0</v>
          </cell>
          <cell r="T446">
            <v>0</v>
          </cell>
          <cell r="U446">
            <v>0</v>
          </cell>
          <cell r="V446">
            <v>0</v>
          </cell>
          <cell r="W446">
            <v>0</v>
          </cell>
        </row>
        <row r="447">
          <cell r="G447">
            <v>0</v>
          </cell>
          <cell r="H447">
            <v>0</v>
          </cell>
          <cell r="I447">
            <v>0</v>
          </cell>
          <cell r="J447">
            <v>0</v>
          </cell>
          <cell r="K447">
            <v>0</v>
          </cell>
          <cell r="L447">
            <v>0</v>
          </cell>
          <cell r="M447">
            <v>0</v>
          </cell>
          <cell r="N447">
            <v>0</v>
          </cell>
          <cell r="O447">
            <v>0</v>
          </cell>
          <cell r="P447">
            <v>0</v>
          </cell>
          <cell r="Q447">
            <v>0</v>
          </cell>
          <cell r="R447">
            <v>0</v>
          </cell>
          <cell r="S447">
            <v>0</v>
          </cell>
          <cell r="T447">
            <v>0</v>
          </cell>
          <cell r="U447">
            <v>0</v>
          </cell>
          <cell r="V447">
            <v>0</v>
          </cell>
          <cell r="W447">
            <v>0</v>
          </cell>
        </row>
        <row r="448">
          <cell r="G448">
            <v>0</v>
          </cell>
          <cell r="H448">
            <v>0</v>
          </cell>
          <cell r="I448">
            <v>0</v>
          </cell>
          <cell r="J448">
            <v>0</v>
          </cell>
          <cell r="K448">
            <v>0</v>
          </cell>
          <cell r="L448">
            <v>0</v>
          </cell>
          <cell r="M448">
            <v>0</v>
          </cell>
          <cell r="N448">
            <v>0</v>
          </cell>
          <cell r="O448">
            <v>0</v>
          </cell>
          <cell r="P448">
            <v>0</v>
          </cell>
          <cell r="Q448">
            <v>0</v>
          </cell>
          <cell r="R448">
            <v>0</v>
          </cell>
          <cell r="S448">
            <v>0</v>
          </cell>
          <cell r="T448">
            <v>0</v>
          </cell>
          <cell r="U448">
            <v>0</v>
          </cell>
          <cell r="V448">
            <v>0</v>
          </cell>
          <cell r="W448">
            <v>0</v>
          </cell>
        </row>
        <row r="449">
          <cell r="G449">
            <v>0</v>
          </cell>
          <cell r="H449">
            <v>0</v>
          </cell>
          <cell r="I449">
            <v>0</v>
          </cell>
          <cell r="J449">
            <v>0</v>
          </cell>
          <cell r="K449">
            <v>0</v>
          </cell>
          <cell r="L449">
            <v>0</v>
          </cell>
          <cell r="M449">
            <v>0</v>
          </cell>
          <cell r="N449">
            <v>0</v>
          </cell>
          <cell r="O449">
            <v>0</v>
          </cell>
          <cell r="P449">
            <v>0</v>
          </cell>
          <cell r="Q449">
            <v>0</v>
          </cell>
          <cell r="R449">
            <v>0</v>
          </cell>
          <cell r="S449">
            <v>0</v>
          </cell>
          <cell r="T449">
            <v>0</v>
          </cell>
          <cell r="U449">
            <v>0</v>
          </cell>
          <cell r="V449">
            <v>0</v>
          </cell>
          <cell r="W449">
            <v>0</v>
          </cell>
        </row>
        <row r="450">
          <cell r="A450" t="str">
            <v>Val_accord_%</v>
          </cell>
          <cell r="G450">
            <v>3.4105302457880051E-3</v>
          </cell>
          <cell r="H450">
            <v>3.3847979198518155E-3</v>
          </cell>
          <cell r="I450">
            <v>3.3976640828199105E-3</v>
          </cell>
          <cell r="J450">
            <v>3.3976640828199105E-3</v>
          </cell>
          <cell r="K450">
            <v>3.3976640828199105E-3</v>
          </cell>
          <cell r="L450">
            <v>3.3976640828199105E-3</v>
          </cell>
          <cell r="M450">
            <v>3.3976640828199105E-3</v>
          </cell>
          <cell r="N450">
            <v>3.3976640828199105E-3</v>
          </cell>
          <cell r="O450">
            <v>3.3976640828199105E-3</v>
          </cell>
          <cell r="P450">
            <v>3.3976640828199105E-3</v>
          </cell>
          <cell r="Q450">
            <v>3.3976640828199105E-3</v>
          </cell>
          <cell r="R450">
            <v>3.3976640828199105E-3</v>
          </cell>
          <cell r="S450">
            <v>3.3976640828199105E-3</v>
          </cell>
          <cell r="T450">
            <v>3.3976640828199105E-3</v>
          </cell>
          <cell r="U450">
            <v>3.3976640828199105E-3</v>
          </cell>
          <cell r="V450">
            <v>3.3976640828199105E-3</v>
          </cell>
          <cell r="W450">
            <v>3.3976640828199105E-3</v>
          </cell>
          <cell r="Y450">
            <v>0</v>
          </cell>
          <cell r="Z450">
            <v>0</v>
          </cell>
        </row>
        <row r="451">
          <cell r="A451" t="str">
            <v>Pre_accord_%</v>
          </cell>
          <cell r="G451">
            <v>2.2330520663341176E-3</v>
          </cell>
          <cell r="H451">
            <v>2.2086852539574754E-3</v>
          </cell>
          <cell r="I451">
            <v>2.2208686601457965E-3</v>
          </cell>
          <cell r="J451">
            <v>2.2208686601457965E-3</v>
          </cell>
          <cell r="K451">
            <v>2.2208686601457965E-3</v>
          </cell>
          <cell r="L451">
            <v>2.2208686601457965E-3</v>
          </cell>
          <cell r="M451">
            <v>2.2208686601457965E-3</v>
          </cell>
          <cell r="N451">
            <v>2.2208686601457965E-3</v>
          </cell>
          <cell r="O451">
            <v>2.2208686601457965E-3</v>
          </cell>
          <cell r="P451">
            <v>2.2208686601457965E-3</v>
          </cell>
          <cell r="Q451">
            <v>2.2208686601457965E-3</v>
          </cell>
          <cell r="R451">
            <v>2.2208686601457965E-3</v>
          </cell>
          <cell r="S451">
            <v>2.2208686601457965E-3</v>
          </cell>
          <cell r="T451">
            <v>2.2208686601457965E-3</v>
          </cell>
          <cell r="U451">
            <v>2.2208686601457965E-3</v>
          </cell>
          <cell r="V451">
            <v>2.2208686601457965E-3</v>
          </cell>
          <cell r="W451">
            <v>2.2208686601457965E-3</v>
          </cell>
        </row>
        <row r="452">
          <cell r="A452" t="str">
            <v>Sma_accord_%</v>
          </cell>
          <cell r="G452">
            <v>3.9610546156648996E-3</v>
          </cell>
          <cell r="H452">
            <v>3.8764410712856185E-3</v>
          </cell>
          <cell r="I452">
            <v>3.9187478434752586E-3</v>
          </cell>
          <cell r="J452">
            <v>3.9187478434752586E-3</v>
          </cell>
          <cell r="K452">
            <v>3.9187478434752586E-3</v>
          </cell>
          <cell r="L452">
            <v>3.9187478434752586E-3</v>
          </cell>
          <cell r="M452">
            <v>3.9187478434752586E-3</v>
          </cell>
          <cell r="N452">
            <v>3.9187478434752586E-3</v>
          </cell>
          <cell r="O452">
            <v>3.9187478434752586E-3</v>
          </cell>
          <cell r="P452">
            <v>3.9187478434752586E-3</v>
          </cell>
          <cell r="Q452">
            <v>3.9187478434752586E-3</v>
          </cell>
          <cell r="R452">
            <v>3.9187478434752586E-3</v>
          </cell>
          <cell r="S452">
            <v>3.9187478434752586E-3</v>
          </cell>
          <cell r="T452">
            <v>3.9187478434752586E-3</v>
          </cell>
          <cell r="U452">
            <v>3.9187478434752586E-3</v>
          </cell>
          <cell r="V452">
            <v>3.9187478434752586E-3</v>
          </cell>
          <cell r="W452">
            <v>3.9187478434752586E-3</v>
          </cell>
        </row>
        <row r="453">
          <cell r="A453" t="str">
            <v>Pri_accord_%</v>
          </cell>
          <cell r="G453">
            <v>1.1639933693081755E-3</v>
          </cell>
          <cell r="H453">
            <v>1.1609461110099206E-3</v>
          </cell>
          <cell r="I453">
            <v>1.1624697401590479E-3</v>
          </cell>
          <cell r="J453">
            <v>1.1624697401590479E-3</v>
          </cell>
          <cell r="K453">
            <v>1.1624697401590479E-3</v>
          </cell>
          <cell r="L453">
            <v>1.1624697401590479E-3</v>
          </cell>
          <cell r="M453">
            <v>1.1624697401590479E-3</v>
          </cell>
          <cell r="N453">
            <v>1.1624697401590479E-3</v>
          </cell>
          <cell r="O453">
            <v>1.1624697401590479E-3</v>
          </cell>
          <cell r="P453">
            <v>1.1624697401590479E-3</v>
          </cell>
          <cell r="Q453">
            <v>1.1624697401590479E-3</v>
          </cell>
          <cell r="R453">
            <v>1.1624697401590479E-3</v>
          </cell>
          <cell r="S453">
            <v>1.1624697401590479E-3</v>
          </cell>
          <cell r="T453">
            <v>1.1624697401590479E-3</v>
          </cell>
          <cell r="U453">
            <v>1.1624697401590479E-3</v>
          </cell>
          <cell r="V453">
            <v>1.1624697401590479E-3</v>
          </cell>
          <cell r="W453">
            <v>1.1624697401590479E-3</v>
          </cell>
        </row>
        <row r="454">
          <cell r="A454" t="str">
            <v>Fam_accord_%</v>
          </cell>
          <cell r="G454">
            <v>5.4142924069165027E-4</v>
          </cell>
          <cell r="H454">
            <v>6.0345690280555269E-4</v>
          </cell>
          <cell r="I454">
            <v>5.7244307174860148E-4</v>
          </cell>
          <cell r="J454">
            <v>5.7244307174860148E-4</v>
          </cell>
          <cell r="K454">
            <v>5.7244307174860148E-4</v>
          </cell>
          <cell r="L454">
            <v>5.7244307174860148E-4</v>
          </cell>
          <cell r="M454">
            <v>5.7244307174860148E-4</v>
          </cell>
          <cell r="N454">
            <v>5.7244307174860148E-4</v>
          </cell>
          <cell r="O454">
            <v>5.7244307174860148E-4</v>
          </cell>
          <cell r="P454">
            <v>5.7244307174860148E-4</v>
          </cell>
          <cell r="Q454">
            <v>5.7244307174860148E-4</v>
          </cell>
          <cell r="R454">
            <v>5.7244307174860148E-4</v>
          </cell>
          <cell r="S454">
            <v>5.7244307174860148E-4</v>
          </cell>
          <cell r="T454">
            <v>5.7244307174860148E-4</v>
          </cell>
          <cell r="U454">
            <v>5.7244307174860148E-4</v>
          </cell>
          <cell r="V454">
            <v>5.7244307174860148E-4</v>
          </cell>
          <cell r="W454">
            <v>5.7244307174860148E-4</v>
          </cell>
        </row>
        <row r="455">
          <cell r="A455" t="str">
            <v>PMI_accord_%</v>
          </cell>
          <cell r="G455">
            <v>2.2262813429060739E-3</v>
          </cell>
          <cell r="H455">
            <v>2.155382186890258E-3</v>
          </cell>
          <cell r="I455">
            <v>2.1908317648981659E-3</v>
          </cell>
          <cell r="J455">
            <v>2.1908317648981659E-3</v>
          </cell>
          <cell r="K455">
            <v>2.1908317648981659E-3</v>
          </cell>
          <cell r="L455">
            <v>2.1908317648981659E-3</v>
          </cell>
          <cell r="M455">
            <v>2.1908317648981659E-3</v>
          </cell>
          <cell r="N455">
            <v>2.1908317648981659E-3</v>
          </cell>
          <cell r="O455">
            <v>2.1908317648981659E-3</v>
          </cell>
          <cell r="P455">
            <v>2.1908317648981659E-3</v>
          </cell>
          <cell r="Q455">
            <v>2.1908317648981659E-3</v>
          </cell>
          <cell r="R455">
            <v>2.1908317648981659E-3</v>
          </cell>
          <cell r="S455">
            <v>2.1908317648981659E-3</v>
          </cell>
          <cell r="T455">
            <v>2.1908317648981659E-3</v>
          </cell>
          <cell r="U455">
            <v>2.1908317648981659E-3</v>
          </cell>
          <cell r="V455">
            <v>2.1908317648981659E-3</v>
          </cell>
          <cell r="W455">
            <v>2.1908317648981659E-3</v>
          </cell>
        </row>
        <row r="456">
          <cell r="A456" t="str">
            <v>ENT_accord_%</v>
          </cell>
          <cell r="G456">
            <v>4.7351129857552322E-4</v>
          </cell>
          <cell r="H456">
            <v>7.8668830650199296E-4</v>
          </cell>
          <cell r="I456">
            <v>6.3009980253875806E-4</v>
          </cell>
          <cell r="J456">
            <v>6.3009980253875806E-4</v>
          </cell>
          <cell r="K456">
            <v>6.3009980253875806E-4</v>
          </cell>
          <cell r="L456">
            <v>6.3009980253875806E-4</v>
          </cell>
          <cell r="M456">
            <v>6.3009980253875806E-4</v>
          </cell>
          <cell r="N456">
            <v>6.3009980253875806E-4</v>
          </cell>
          <cell r="O456">
            <v>6.3009980253875806E-4</v>
          </cell>
          <cell r="P456">
            <v>6.3009980253875806E-4</v>
          </cell>
          <cell r="Q456">
            <v>6.3009980253875806E-4</v>
          </cell>
          <cell r="R456">
            <v>6.3009980253875806E-4</v>
          </cell>
          <cell r="S456">
            <v>6.3009980253875806E-4</v>
          </cell>
          <cell r="T456">
            <v>6.3009980253875806E-4</v>
          </cell>
          <cell r="U456">
            <v>6.3009980253875806E-4</v>
          </cell>
          <cell r="V456">
            <v>6.3009980253875806E-4</v>
          </cell>
          <cell r="W456">
            <v>6.3009980253875806E-4</v>
          </cell>
        </row>
        <row r="457">
          <cell r="A457" t="str">
            <v>Cor_accord_%</v>
          </cell>
          <cell r="G457">
            <v>8.5765287325210494E-4</v>
          </cell>
          <cell r="H457">
            <v>8.3676776505837026E-4</v>
          </cell>
          <cell r="I457">
            <v>8.4721031915523754E-4</v>
          </cell>
          <cell r="J457">
            <v>8.4721031915523754E-4</v>
          </cell>
          <cell r="K457">
            <v>8.4721031915523754E-4</v>
          </cell>
          <cell r="L457">
            <v>8.4721031915523754E-4</v>
          </cell>
          <cell r="M457">
            <v>8.4721031915523754E-4</v>
          </cell>
          <cell r="N457">
            <v>8.4721031915523754E-4</v>
          </cell>
          <cell r="O457">
            <v>8.4721031915523754E-4</v>
          </cell>
          <cell r="P457">
            <v>8.4721031915523754E-4</v>
          </cell>
          <cell r="Q457">
            <v>8.4721031915523754E-4</v>
          </cell>
          <cell r="R457">
            <v>8.4721031915523754E-4</v>
          </cell>
          <cell r="S457">
            <v>8.4721031915523754E-4</v>
          </cell>
          <cell r="T457">
            <v>8.4721031915523754E-4</v>
          </cell>
          <cell r="U457">
            <v>8.4721031915523754E-4</v>
          </cell>
          <cell r="V457">
            <v>8.4721031915523754E-4</v>
          </cell>
          <cell r="W457">
            <v>8.4721031915523754E-4</v>
          </cell>
        </row>
        <row r="458">
          <cell r="A458" t="str">
            <v>Gra_accord_%</v>
          </cell>
          <cell r="G458">
            <v>8.6124402493206899E-5</v>
          </cell>
          <cell r="H458">
            <v>8.9558052692242536E-5</v>
          </cell>
          <cell r="I458">
            <v>8.7841227592724711E-5</v>
          </cell>
          <cell r="J458">
            <v>8.7841227592724711E-5</v>
          </cell>
          <cell r="K458">
            <v>8.7841227592724711E-5</v>
          </cell>
          <cell r="L458">
            <v>8.7841227592724711E-5</v>
          </cell>
          <cell r="M458">
            <v>8.7841227592724711E-5</v>
          </cell>
          <cell r="N458">
            <v>8.7841227592724711E-5</v>
          </cell>
          <cell r="O458">
            <v>8.7841227592724711E-5</v>
          </cell>
          <cell r="P458">
            <v>8.7841227592724711E-5</v>
          </cell>
          <cell r="Q458">
            <v>8.7841227592724711E-5</v>
          </cell>
          <cell r="R458">
            <v>8.7841227592724711E-5</v>
          </cell>
          <cell r="S458">
            <v>8.7841227592724711E-5</v>
          </cell>
          <cell r="T458">
            <v>8.7841227592724711E-5</v>
          </cell>
          <cell r="U458">
            <v>8.7841227592724711E-5</v>
          </cell>
          <cell r="V458">
            <v>8.7841227592724711E-5</v>
          </cell>
          <cell r="W458">
            <v>8.7841227592724711E-5</v>
          </cell>
        </row>
        <row r="459">
          <cell r="A459" t="str">
            <v>FEX_accord_%</v>
          </cell>
          <cell r="G459">
            <v>0</v>
          </cell>
          <cell r="H459">
            <v>0</v>
          </cell>
          <cell r="I459">
            <v>0</v>
          </cell>
          <cell r="J459">
            <v>0</v>
          </cell>
          <cell r="K459">
            <v>0</v>
          </cell>
          <cell r="L459">
            <v>0</v>
          </cell>
          <cell r="M459">
            <v>0</v>
          </cell>
          <cell r="N459">
            <v>0</v>
          </cell>
          <cell r="O459">
            <v>0</v>
          </cell>
          <cell r="P459">
            <v>0</v>
          </cell>
          <cell r="Q459">
            <v>0</v>
          </cell>
          <cell r="R459">
            <v>0</v>
          </cell>
          <cell r="S459">
            <v>0</v>
          </cell>
          <cell r="T459">
            <v>0</v>
          </cell>
          <cell r="U459">
            <v>0</v>
          </cell>
          <cell r="V459">
            <v>0</v>
          </cell>
          <cell r="W459">
            <v>0</v>
          </cell>
        </row>
        <row r="460">
          <cell r="A460" t="str">
            <v>MCL_accord_%</v>
          </cell>
          <cell r="G460">
            <v>0</v>
          </cell>
          <cell r="H460">
            <v>0</v>
          </cell>
          <cell r="I460">
            <v>0</v>
          </cell>
          <cell r="J460">
            <v>0</v>
          </cell>
          <cell r="K460">
            <v>0</v>
          </cell>
          <cell r="L460">
            <v>0</v>
          </cell>
          <cell r="M460">
            <v>0</v>
          </cell>
          <cell r="N460">
            <v>0</v>
          </cell>
          <cell r="O460">
            <v>0</v>
          </cell>
          <cell r="P460">
            <v>0</v>
          </cell>
          <cell r="Q460">
            <v>0</v>
          </cell>
          <cell r="R460">
            <v>0</v>
          </cell>
          <cell r="S460">
            <v>0</v>
          </cell>
          <cell r="T460">
            <v>0</v>
          </cell>
          <cell r="U460">
            <v>0</v>
          </cell>
          <cell r="V460">
            <v>0</v>
          </cell>
          <cell r="W460">
            <v>0</v>
          </cell>
        </row>
        <row r="461">
          <cell r="A461" t="str">
            <v>MCG_accord_%</v>
          </cell>
          <cell r="G461">
            <v>0</v>
          </cell>
          <cell r="H461">
            <v>0</v>
          </cell>
          <cell r="I461">
            <v>0</v>
          </cell>
          <cell r="J461">
            <v>0</v>
          </cell>
          <cell r="K461">
            <v>0</v>
          </cell>
          <cell r="L461">
            <v>0</v>
          </cell>
          <cell r="M461">
            <v>0</v>
          </cell>
          <cell r="N461">
            <v>0</v>
          </cell>
          <cell r="O461">
            <v>0</v>
          </cell>
          <cell r="P461">
            <v>0</v>
          </cell>
          <cell r="Q461">
            <v>0</v>
          </cell>
          <cell r="R461">
            <v>0</v>
          </cell>
          <cell r="S461">
            <v>0</v>
          </cell>
          <cell r="T461">
            <v>0</v>
          </cell>
          <cell r="U461">
            <v>0</v>
          </cell>
          <cell r="V461">
            <v>0</v>
          </cell>
          <cell r="W461">
            <v>0</v>
          </cell>
        </row>
        <row r="462">
          <cell r="A462" t="str">
            <v>MLE_accord_%</v>
          </cell>
          <cell r="G462">
            <v>0</v>
          </cell>
          <cell r="H462">
            <v>0</v>
          </cell>
          <cell r="I462">
            <v>0</v>
          </cell>
          <cell r="J462">
            <v>0</v>
          </cell>
          <cell r="K462">
            <v>0</v>
          </cell>
          <cell r="L462">
            <v>0</v>
          </cell>
          <cell r="M462">
            <v>0</v>
          </cell>
          <cell r="N462">
            <v>0</v>
          </cell>
          <cell r="O462">
            <v>0</v>
          </cell>
          <cell r="P462">
            <v>0</v>
          </cell>
          <cell r="Q462">
            <v>0</v>
          </cell>
          <cell r="R462">
            <v>0</v>
          </cell>
          <cell r="S462">
            <v>0</v>
          </cell>
          <cell r="T462">
            <v>0</v>
          </cell>
          <cell r="U462">
            <v>0</v>
          </cell>
          <cell r="V462">
            <v>0</v>
          </cell>
          <cell r="W462">
            <v>0</v>
          </cell>
        </row>
        <row r="463">
          <cell r="A463" t="str">
            <v>MFA_accord_%</v>
          </cell>
          <cell r="G463">
            <v>0</v>
          </cell>
          <cell r="H463">
            <v>0</v>
          </cell>
          <cell r="I463">
            <v>0</v>
          </cell>
          <cell r="J463">
            <v>0</v>
          </cell>
          <cell r="K463">
            <v>0</v>
          </cell>
          <cell r="L463">
            <v>0</v>
          </cell>
          <cell r="M463">
            <v>0</v>
          </cell>
          <cell r="N463">
            <v>0</v>
          </cell>
          <cell r="O463">
            <v>0</v>
          </cell>
          <cell r="P463">
            <v>0</v>
          </cell>
          <cell r="Q463">
            <v>0</v>
          </cell>
          <cell r="R463">
            <v>0</v>
          </cell>
          <cell r="S463">
            <v>0</v>
          </cell>
          <cell r="T463">
            <v>0</v>
          </cell>
          <cell r="U463">
            <v>0</v>
          </cell>
          <cell r="V463">
            <v>0</v>
          </cell>
          <cell r="W463">
            <v>0</v>
          </cell>
        </row>
        <row r="464">
          <cell r="A464" t="str">
            <v>MBQ_accord_%</v>
          </cell>
          <cell r="G464">
            <v>0</v>
          </cell>
          <cell r="H464">
            <v>0</v>
          </cell>
          <cell r="I464">
            <v>0</v>
          </cell>
          <cell r="J464">
            <v>0</v>
          </cell>
          <cell r="K464">
            <v>0</v>
          </cell>
          <cell r="L464">
            <v>0</v>
          </cell>
          <cell r="M464">
            <v>0</v>
          </cell>
          <cell r="N464">
            <v>0</v>
          </cell>
          <cell r="O464">
            <v>0</v>
          </cell>
          <cell r="P464">
            <v>0</v>
          </cell>
          <cell r="Q464">
            <v>0</v>
          </cell>
          <cell r="R464">
            <v>0</v>
          </cell>
          <cell r="S464">
            <v>0</v>
          </cell>
          <cell r="T464">
            <v>0</v>
          </cell>
          <cell r="U464">
            <v>0</v>
          </cell>
          <cell r="V464">
            <v>0</v>
          </cell>
          <cell r="W464">
            <v>0</v>
          </cell>
        </row>
        <row r="465">
          <cell r="A465" t="str">
            <v>MBG_accord_%</v>
          </cell>
          <cell r="G465">
            <v>0</v>
          </cell>
          <cell r="H465">
            <v>0</v>
          </cell>
          <cell r="I465">
            <v>0</v>
          </cell>
          <cell r="J465">
            <v>0</v>
          </cell>
          <cell r="K465">
            <v>0</v>
          </cell>
          <cell r="L465">
            <v>0</v>
          </cell>
          <cell r="M465">
            <v>0</v>
          </cell>
          <cell r="N465">
            <v>0</v>
          </cell>
          <cell r="O465">
            <v>0</v>
          </cell>
          <cell r="P465">
            <v>0</v>
          </cell>
          <cell r="Q465">
            <v>0</v>
          </cell>
          <cell r="R465">
            <v>0</v>
          </cell>
          <cell r="S465">
            <v>0</v>
          </cell>
          <cell r="T465">
            <v>0</v>
          </cell>
          <cell r="U465">
            <v>0</v>
          </cell>
          <cell r="V465">
            <v>0</v>
          </cell>
          <cell r="W465">
            <v>0</v>
          </cell>
        </row>
        <row r="466">
          <cell r="A466" t="str">
            <v>WID_accord_%</v>
          </cell>
          <cell r="G466">
            <v>0</v>
          </cell>
          <cell r="H466">
            <v>0</v>
          </cell>
          <cell r="I466">
            <v>0</v>
          </cell>
          <cell r="J466">
            <v>0</v>
          </cell>
          <cell r="K466">
            <v>0</v>
          </cell>
          <cell r="L466">
            <v>0</v>
          </cell>
          <cell r="M466">
            <v>0</v>
          </cell>
          <cell r="N466">
            <v>0</v>
          </cell>
          <cell r="O466">
            <v>0</v>
          </cell>
          <cell r="P466">
            <v>0</v>
          </cell>
          <cell r="Q466">
            <v>0</v>
          </cell>
          <cell r="R466">
            <v>0</v>
          </cell>
          <cell r="S466">
            <v>0</v>
          </cell>
          <cell r="T466">
            <v>0</v>
          </cell>
          <cell r="U466">
            <v>0</v>
          </cell>
          <cell r="V466">
            <v>0</v>
          </cell>
          <cell r="W466">
            <v>0</v>
          </cell>
        </row>
        <row r="467">
          <cell r="A467" t="str">
            <v>FIN_accord_%</v>
          </cell>
          <cell r="G467">
            <v>0</v>
          </cell>
          <cell r="H467">
            <v>0</v>
          </cell>
          <cell r="I467">
            <v>0</v>
          </cell>
          <cell r="J467">
            <v>0</v>
          </cell>
          <cell r="K467">
            <v>0</v>
          </cell>
          <cell r="L467">
            <v>0</v>
          </cell>
          <cell r="M467">
            <v>0</v>
          </cell>
          <cell r="N467">
            <v>0</v>
          </cell>
          <cell r="O467">
            <v>0</v>
          </cell>
          <cell r="P467">
            <v>0</v>
          </cell>
          <cell r="Q467">
            <v>0</v>
          </cell>
          <cell r="R467">
            <v>0</v>
          </cell>
          <cell r="S467">
            <v>0</v>
          </cell>
          <cell r="T467">
            <v>0</v>
          </cell>
          <cell r="U467">
            <v>0</v>
          </cell>
          <cell r="V467">
            <v>0</v>
          </cell>
          <cell r="W467">
            <v>0</v>
          </cell>
        </row>
        <row r="468">
          <cell r="A468" t="str">
            <v>ALM_accord_%</v>
          </cell>
          <cell r="G468">
            <v>0</v>
          </cell>
          <cell r="H468">
            <v>0</v>
          </cell>
          <cell r="I468">
            <v>0</v>
          </cell>
          <cell r="J468">
            <v>0</v>
          </cell>
          <cell r="K468">
            <v>0</v>
          </cell>
          <cell r="L468">
            <v>0</v>
          </cell>
          <cell r="M468">
            <v>0</v>
          </cell>
          <cell r="N468">
            <v>0</v>
          </cell>
          <cell r="O468">
            <v>0</v>
          </cell>
          <cell r="P468">
            <v>0</v>
          </cell>
          <cell r="Q468">
            <v>0</v>
          </cell>
          <cell r="R468">
            <v>0</v>
          </cell>
          <cell r="S468">
            <v>0</v>
          </cell>
          <cell r="T468">
            <v>0</v>
          </cell>
          <cell r="U468">
            <v>0</v>
          </cell>
          <cell r="V468">
            <v>0</v>
          </cell>
          <cell r="W468">
            <v>0</v>
          </cell>
        </row>
        <row r="469">
          <cell r="A469" t="str">
            <v>FUO_accord_%</v>
          </cell>
          <cell r="G469">
            <v>0</v>
          </cell>
          <cell r="H469">
            <v>0</v>
          </cell>
          <cell r="I469">
            <v>0</v>
          </cell>
          <cell r="J469">
            <v>0</v>
          </cell>
          <cell r="K469">
            <v>0</v>
          </cell>
          <cell r="L469">
            <v>0</v>
          </cell>
          <cell r="M469">
            <v>0</v>
          </cell>
          <cell r="N469">
            <v>0</v>
          </cell>
          <cell r="O469">
            <v>0</v>
          </cell>
          <cell r="P469">
            <v>0</v>
          </cell>
          <cell r="Q469">
            <v>0</v>
          </cell>
          <cell r="R469">
            <v>0</v>
          </cell>
          <cell r="S469">
            <v>0</v>
          </cell>
          <cell r="T469">
            <v>0</v>
          </cell>
          <cell r="U469">
            <v>0</v>
          </cell>
          <cell r="V469">
            <v>0</v>
          </cell>
          <cell r="W469">
            <v>0</v>
          </cell>
        </row>
        <row r="470">
          <cell r="A470" t="str">
            <v>XXX_accord_%</v>
          </cell>
          <cell r="G470">
            <v>0</v>
          </cell>
          <cell r="H470">
            <v>0</v>
          </cell>
          <cell r="I470">
            <v>0</v>
          </cell>
          <cell r="J470">
            <v>0</v>
          </cell>
          <cell r="K470">
            <v>0</v>
          </cell>
          <cell r="L470">
            <v>0</v>
          </cell>
          <cell r="M470">
            <v>0</v>
          </cell>
          <cell r="N470">
            <v>0</v>
          </cell>
          <cell r="O470">
            <v>0</v>
          </cell>
          <cell r="P470">
            <v>0</v>
          </cell>
          <cell r="Q470">
            <v>0</v>
          </cell>
          <cell r="R470">
            <v>0</v>
          </cell>
          <cell r="S470">
            <v>0</v>
          </cell>
          <cell r="T470">
            <v>0</v>
          </cell>
          <cell r="U470">
            <v>0</v>
          </cell>
          <cell r="V470">
            <v>0</v>
          </cell>
          <cell r="W470">
            <v>0</v>
          </cell>
        </row>
        <row r="471">
          <cell r="G471">
            <v>0</v>
          </cell>
          <cell r="H471">
            <v>0</v>
          </cell>
          <cell r="I471">
            <v>0</v>
          </cell>
          <cell r="J471">
            <v>0</v>
          </cell>
          <cell r="K471">
            <v>0</v>
          </cell>
          <cell r="L471">
            <v>0</v>
          </cell>
          <cell r="M471">
            <v>0</v>
          </cell>
          <cell r="N471">
            <v>0</v>
          </cell>
          <cell r="O471">
            <v>0</v>
          </cell>
          <cell r="P471">
            <v>0</v>
          </cell>
          <cell r="Q471">
            <v>0</v>
          </cell>
          <cell r="R471">
            <v>0</v>
          </cell>
          <cell r="S471">
            <v>0</v>
          </cell>
          <cell r="T471">
            <v>0</v>
          </cell>
          <cell r="U471">
            <v>0</v>
          </cell>
          <cell r="V471">
            <v>0</v>
          </cell>
          <cell r="W471">
            <v>0</v>
          </cell>
        </row>
        <row r="472">
          <cell r="A472" t="str">
            <v>Val_non_utilizzo_%</v>
          </cell>
          <cell r="G472">
            <v>5.7459163623037226E-4</v>
          </cell>
          <cell r="H472">
            <v>5.8341549193255751E-4</v>
          </cell>
          <cell r="I472">
            <v>5.7900356408146494E-4</v>
          </cell>
          <cell r="J472">
            <v>5.7900356408146494E-4</v>
          </cell>
          <cell r="K472">
            <v>5.7900356408146494E-4</v>
          </cell>
          <cell r="L472">
            <v>5.7900356408146494E-4</v>
          </cell>
          <cell r="M472">
            <v>5.7900356408146494E-4</v>
          </cell>
          <cell r="N472">
            <v>5.7900356408146494E-4</v>
          </cell>
          <cell r="O472">
            <v>5.7900356408146494E-4</v>
          </cell>
          <cell r="P472">
            <v>5.7900356408146494E-4</v>
          </cell>
          <cell r="Q472">
            <v>5.7900356408146494E-4</v>
          </cell>
          <cell r="R472">
            <v>5.7900356408146494E-4</v>
          </cell>
          <cell r="S472">
            <v>5.7900356408146494E-4</v>
          </cell>
          <cell r="T472">
            <v>5.7900356408146494E-4</v>
          </cell>
          <cell r="U472">
            <v>5.7900356408146494E-4</v>
          </cell>
          <cell r="V472">
            <v>5.7900356408146494E-4</v>
          </cell>
          <cell r="W472">
            <v>5.7900356408146494E-4</v>
          </cell>
          <cell r="Y472">
            <v>0</v>
          </cell>
          <cell r="Z472">
            <v>0</v>
          </cell>
        </row>
        <row r="473">
          <cell r="A473" t="str">
            <v>Pre_non_utilizzo_%</v>
          </cell>
          <cell r="G473">
            <v>2.6926784672538055E-3</v>
          </cell>
          <cell r="H473">
            <v>2.6875186187469606E-3</v>
          </cell>
          <cell r="I473">
            <v>2.6900985430003831E-3</v>
          </cell>
          <cell r="J473">
            <v>2.6900985430003831E-3</v>
          </cell>
          <cell r="K473">
            <v>2.6900985430003831E-3</v>
          </cell>
          <cell r="L473">
            <v>2.6900985430003831E-3</v>
          </cell>
          <cell r="M473">
            <v>2.6900985430003831E-3</v>
          </cell>
          <cell r="N473">
            <v>2.6900985430003831E-3</v>
          </cell>
          <cell r="O473">
            <v>2.6900985430003831E-3</v>
          </cell>
          <cell r="P473">
            <v>2.6900985430003831E-3</v>
          </cell>
          <cell r="Q473">
            <v>2.6900985430003831E-3</v>
          </cell>
          <cell r="R473">
            <v>2.6900985430003831E-3</v>
          </cell>
          <cell r="S473">
            <v>2.6900985430003831E-3</v>
          </cell>
          <cell r="T473">
            <v>2.6900985430003831E-3</v>
          </cell>
          <cell r="U473">
            <v>2.6900985430003831E-3</v>
          </cell>
          <cell r="V473">
            <v>2.6900985430003831E-3</v>
          </cell>
          <cell r="W473">
            <v>2.6900985430003831E-3</v>
          </cell>
        </row>
        <row r="474">
          <cell r="A474" t="str">
            <v>Sma_non_utilizzo_%</v>
          </cell>
          <cell r="G474">
            <v>1.5341985169249188E-4</v>
          </cell>
          <cell r="H474">
            <v>1.5277558848137356E-4</v>
          </cell>
          <cell r="I474">
            <v>1.5309772008693272E-4</v>
          </cell>
          <cell r="J474">
            <v>1.5309772008693272E-4</v>
          </cell>
          <cell r="K474">
            <v>1.5309772008693272E-4</v>
          </cell>
          <cell r="L474">
            <v>1.5309772008693272E-4</v>
          </cell>
          <cell r="M474">
            <v>1.5309772008693272E-4</v>
          </cell>
          <cell r="N474">
            <v>1.5309772008693272E-4</v>
          </cell>
          <cell r="O474">
            <v>1.5309772008693272E-4</v>
          </cell>
          <cell r="P474">
            <v>1.5309772008693272E-4</v>
          </cell>
          <cell r="Q474">
            <v>1.5309772008693272E-4</v>
          </cell>
          <cell r="R474">
            <v>1.5309772008693272E-4</v>
          </cell>
          <cell r="S474">
            <v>1.5309772008693272E-4</v>
          </cell>
          <cell r="T474">
            <v>1.5309772008693272E-4</v>
          </cell>
          <cell r="U474">
            <v>1.5309772008693272E-4</v>
          </cell>
          <cell r="V474">
            <v>1.5309772008693272E-4</v>
          </cell>
          <cell r="W474">
            <v>1.5309772008693272E-4</v>
          </cell>
        </row>
        <row r="475">
          <cell r="A475" t="str">
            <v>Pri_non_utilizzo_%</v>
          </cell>
          <cell r="G475">
            <v>3.1709397119968766E-3</v>
          </cell>
          <cell r="H475">
            <v>3.187589161940672E-3</v>
          </cell>
          <cell r="I475">
            <v>3.1792644369687743E-3</v>
          </cell>
          <cell r="J475">
            <v>3.1792644369687743E-3</v>
          </cell>
          <cell r="K475">
            <v>3.1792644369687743E-3</v>
          </cell>
          <cell r="L475">
            <v>3.1792644369687743E-3</v>
          </cell>
          <cell r="M475">
            <v>3.1792644369687743E-3</v>
          </cell>
          <cell r="N475">
            <v>3.1792644369687743E-3</v>
          </cell>
          <cell r="O475">
            <v>3.1792644369687743E-3</v>
          </cell>
          <cell r="P475">
            <v>3.1792644369687743E-3</v>
          </cell>
          <cell r="Q475">
            <v>3.1792644369687743E-3</v>
          </cell>
          <cell r="R475">
            <v>3.1792644369687743E-3</v>
          </cell>
          <cell r="S475">
            <v>3.1792644369687743E-3</v>
          </cell>
          <cell r="T475">
            <v>3.1792644369687743E-3</v>
          </cell>
          <cell r="U475">
            <v>3.1792644369687743E-3</v>
          </cell>
          <cell r="V475">
            <v>3.1792644369687743E-3</v>
          </cell>
          <cell r="W475">
            <v>3.1792644369687743E-3</v>
          </cell>
        </row>
        <row r="476">
          <cell r="A476" t="str">
            <v>Fam_non_utilizzo_%</v>
          </cell>
          <cell r="G476">
            <v>1.4363007958959416E-2</v>
          </cell>
          <cell r="H476">
            <v>1.2695335478592636E-2</v>
          </cell>
          <cell r="I476">
            <v>1.3529171718776026E-2</v>
          </cell>
          <cell r="J476">
            <v>1.3529171718776026E-2</v>
          </cell>
          <cell r="K476">
            <v>1.3529171718776026E-2</v>
          </cell>
          <cell r="L476">
            <v>1.3529171718776026E-2</v>
          </cell>
          <cell r="M476">
            <v>1.3529171718776026E-2</v>
          </cell>
          <cell r="N476">
            <v>1.3529171718776026E-2</v>
          </cell>
          <cell r="O476">
            <v>1.3529171718776026E-2</v>
          </cell>
          <cell r="P476">
            <v>1.3529171718776026E-2</v>
          </cell>
          <cell r="Q476">
            <v>1.3529171718776026E-2</v>
          </cell>
          <cell r="R476">
            <v>1.3529171718776026E-2</v>
          </cell>
          <cell r="S476">
            <v>1.3529171718776026E-2</v>
          </cell>
          <cell r="T476">
            <v>1.3529171718776026E-2</v>
          </cell>
          <cell r="U476">
            <v>1.3529171718776026E-2</v>
          </cell>
          <cell r="V476">
            <v>1.3529171718776026E-2</v>
          </cell>
          <cell r="W476">
            <v>1.3529171718776026E-2</v>
          </cell>
        </row>
        <row r="477">
          <cell r="A477" t="str">
            <v>PMI_non_utilizzo_%</v>
          </cell>
          <cell r="G477">
            <v>1.021322772227904E-4</v>
          </cell>
          <cell r="H477">
            <v>1.0275070833909273E-4</v>
          </cell>
          <cell r="I477">
            <v>1.0244149278094156E-4</v>
          </cell>
          <cell r="J477">
            <v>1.0244149278094156E-4</v>
          </cell>
          <cell r="K477">
            <v>1.0244149278094156E-4</v>
          </cell>
          <cell r="L477">
            <v>1.0244149278094156E-4</v>
          </cell>
          <cell r="M477">
            <v>1.0244149278094156E-4</v>
          </cell>
          <cell r="N477">
            <v>1.0244149278094156E-4</v>
          </cell>
          <cell r="O477">
            <v>1.0244149278094156E-4</v>
          </cell>
          <cell r="P477">
            <v>1.0244149278094156E-4</v>
          </cell>
          <cell r="Q477">
            <v>1.0244149278094156E-4</v>
          </cell>
          <cell r="R477">
            <v>1.0244149278094156E-4</v>
          </cell>
          <cell r="S477">
            <v>1.0244149278094156E-4</v>
          </cell>
          <cell r="T477">
            <v>1.0244149278094156E-4</v>
          </cell>
          <cell r="U477">
            <v>1.0244149278094156E-4</v>
          </cell>
          <cell r="V477">
            <v>1.0244149278094156E-4</v>
          </cell>
          <cell r="W477">
            <v>1.0244149278094156E-4</v>
          </cell>
        </row>
        <row r="478">
          <cell r="A478" t="str">
            <v>ENT_non_utilizzo_%</v>
          </cell>
          <cell r="G478">
            <v>3.8722040467215849E-4</v>
          </cell>
          <cell r="H478">
            <v>6.0778241645657969E-4</v>
          </cell>
          <cell r="I478">
            <v>4.9750141056436909E-4</v>
          </cell>
          <cell r="J478">
            <v>4.9750141056436909E-4</v>
          </cell>
          <cell r="K478">
            <v>4.9750141056436909E-4</v>
          </cell>
          <cell r="L478">
            <v>4.9750141056436909E-4</v>
          </cell>
          <cell r="M478">
            <v>4.9750141056436909E-4</v>
          </cell>
          <cell r="N478">
            <v>4.9750141056436909E-4</v>
          </cell>
          <cell r="O478">
            <v>4.9750141056436909E-4</v>
          </cell>
          <cell r="P478">
            <v>4.9750141056436909E-4</v>
          </cell>
          <cell r="Q478">
            <v>4.9750141056436909E-4</v>
          </cell>
          <cell r="R478">
            <v>4.9750141056436909E-4</v>
          </cell>
          <cell r="S478">
            <v>4.9750141056436909E-4</v>
          </cell>
          <cell r="T478">
            <v>4.9750141056436909E-4</v>
          </cell>
          <cell r="U478">
            <v>4.9750141056436909E-4</v>
          </cell>
          <cell r="V478">
            <v>4.9750141056436909E-4</v>
          </cell>
          <cell r="W478">
            <v>4.9750141056436909E-4</v>
          </cell>
        </row>
        <row r="479">
          <cell r="A479" t="str">
            <v>Cor_non_utilizzo_%</v>
          </cell>
          <cell r="G479">
            <v>3.9109845000180219E-4</v>
          </cell>
          <cell r="H479">
            <v>3.6692179137767149E-4</v>
          </cell>
          <cell r="I479">
            <v>3.7901012068973684E-4</v>
          </cell>
          <cell r="J479">
            <v>3.7901012068973684E-4</v>
          </cell>
          <cell r="K479">
            <v>3.7901012068973684E-4</v>
          </cell>
          <cell r="L479">
            <v>3.7901012068973684E-4</v>
          </cell>
          <cell r="M479">
            <v>3.7901012068973684E-4</v>
          </cell>
          <cell r="N479">
            <v>3.7901012068973684E-4</v>
          </cell>
          <cell r="O479">
            <v>3.7901012068973684E-4</v>
          </cell>
          <cell r="P479">
            <v>3.7901012068973684E-4</v>
          </cell>
          <cell r="Q479">
            <v>3.7901012068973684E-4</v>
          </cell>
          <cell r="R479">
            <v>3.7901012068973684E-4</v>
          </cell>
          <cell r="S479">
            <v>3.7901012068973684E-4</v>
          </cell>
          <cell r="T479">
            <v>3.7901012068973684E-4</v>
          </cell>
          <cell r="U479">
            <v>3.7901012068973684E-4</v>
          </cell>
          <cell r="V479">
            <v>3.7901012068973684E-4</v>
          </cell>
          <cell r="W479">
            <v>3.7901012068973684E-4</v>
          </cell>
        </row>
        <row r="480">
          <cell r="A480" t="str">
            <v>Gra_non_utilizzo_%</v>
          </cell>
          <cell r="G480">
            <v>3.3648987770166388E-4</v>
          </cell>
          <cell r="H480">
            <v>3.3896591684247422E-4</v>
          </cell>
          <cell r="I480">
            <v>3.3772789727206905E-4</v>
          </cell>
          <cell r="J480">
            <v>3.3772789727206905E-4</v>
          </cell>
          <cell r="K480">
            <v>3.3772789727206905E-4</v>
          </cell>
          <cell r="L480">
            <v>3.3772789727206905E-4</v>
          </cell>
          <cell r="M480">
            <v>3.3772789727206905E-4</v>
          </cell>
          <cell r="N480">
            <v>3.3772789727206905E-4</v>
          </cell>
          <cell r="O480">
            <v>3.3772789727206905E-4</v>
          </cell>
          <cell r="P480">
            <v>3.3772789727206905E-4</v>
          </cell>
          <cell r="Q480">
            <v>3.3772789727206905E-4</v>
          </cell>
          <cell r="R480">
            <v>3.3772789727206905E-4</v>
          </cell>
          <cell r="S480">
            <v>3.3772789727206905E-4</v>
          </cell>
          <cell r="T480">
            <v>3.3772789727206905E-4</v>
          </cell>
          <cell r="U480">
            <v>3.3772789727206905E-4</v>
          </cell>
          <cell r="V480">
            <v>3.3772789727206905E-4</v>
          </cell>
          <cell r="W480">
            <v>3.3772789727206905E-4</v>
          </cell>
        </row>
        <row r="481">
          <cell r="A481" t="str">
            <v>FEX_non_utilizzo_%</v>
          </cell>
          <cell r="G481">
            <v>0</v>
          </cell>
          <cell r="H481">
            <v>0</v>
          </cell>
          <cell r="I481">
            <v>0</v>
          </cell>
          <cell r="J481">
            <v>0</v>
          </cell>
          <cell r="K481">
            <v>0</v>
          </cell>
          <cell r="L481">
            <v>0</v>
          </cell>
          <cell r="M481">
            <v>0</v>
          </cell>
          <cell r="N481">
            <v>0</v>
          </cell>
          <cell r="O481">
            <v>0</v>
          </cell>
          <cell r="P481">
            <v>0</v>
          </cell>
          <cell r="Q481">
            <v>0</v>
          </cell>
          <cell r="R481">
            <v>0</v>
          </cell>
          <cell r="S481">
            <v>0</v>
          </cell>
          <cell r="T481">
            <v>0</v>
          </cell>
          <cell r="U481">
            <v>0</v>
          </cell>
          <cell r="V481">
            <v>0</v>
          </cell>
          <cell r="W481">
            <v>0</v>
          </cell>
        </row>
        <row r="482">
          <cell r="A482" t="str">
            <v>MCL_non_utilizzo_%</v>
          </cell>
          <cell r="G482">
            <v>0</v>
          </cell>
          <cell r="H482">
            <v>0</v>
          </cell>
          <cell r="I482">
            <v>0</v>
          </cell>
          <cell r="J482">
            <v>0</v>
          </cell>
          <cell r="K482">
            <v>0</v>
          </cell>
          <cell r="L482">
            <v>0</v>
          </cell>
          <cell r="M482">
            <v>0</v>
          </cell>
          <cell r="N482">
            <v>0</v>
          </cell>
          <cell r="O482">
            <v>0</v>
          </cell>
          <cell r="P482">
            <v>0</v>
          </cell>
          <cell r="Q482">
            <v>0</v>
          </cell>
          <cell r="R482">
            <v>0</v>
          </cell>
          <cell r="S482">
            <v>0</v>
          </cell>
          <cell r="T482">
            <v>0</v>
          </cell>
          <cell r="U482">
            <v>0</v>
          </cell>
          <cell r="V482">
            <v>0</v>
          </cell>
          <cell r="W482">
            <v>0</v>
          </cell>
        </row>
        <row r="483">
          <cell r="A483" t="str">
            <v>MCG_non_utilizzo_%</v>
          </cell>
          <cell r="G483">
            <v>0</v>
          </cell>
          <cell r="H483">
            <v>0</v>
          </cell>
          <cell r="I483">
            <v>0</v>
          </cell>
          <cell r="J483">
            <v>0</v>
          </cell>
          <cell r="K483">
            <v>0</v>
          </cell>
          <cell r="L483">
            <v>0</v>
          </cell>
          <cell r="M483">
            <v>0</v>
          </cell>
          <cell r="N483">
            <v>0</v>
          </cell>
          <cell r="O483">
            <v>0</v>
          </cell>
          <cell r="P483">
            <v>0</v>
          </cell>
          <cell r="Q483">
            <v>0</v>
          </cell>
          <cell r="R483">
            <v>0</v>
          </cell>
          <cell r="S483">
            <v>0</v>
          </cell>
          <cell r="T483">
            <v>0</v>
          </cell>
          <cell r="U483">
            <v>0</v>
          </cell>
          <cell r="V483">
            <v>0</v>
          </cell>
          <cell r="W483">
            <v>0</v>
          </cell>
        </row>
        <row r="484">
          <cell r="A484" t="str">
            <v>MLE_non_utilizzo_%</v>
          </cell>
          <cell r="G484">
            <v>0</v>
          </cell>
          <cell r="H484">
            <v>0</v>
          </cell>
          <cell r="I484">
            <v>0</v>
          </cell>
          <cell r="J484">
            <v>0</v>
          </cell>
          <cell r="K484">
            <v>0</v>
          </cell>
          <cell r="L484">
            <v>0</v>
          </cell>
          <cell r="M484">
            <v>0</v>
          </cell>
          <cell r="N484">
            <v>0</v>
          </cell>
          <cell r="O484">
            <v>0</v>
          </cell>
          <cell r="P484">
            <v>0</v>
          </cell>
          <cell r="Q484">
            <v>0</v>
          </cell>
          <cell r="R484">
            <v>0</v>
          </cell>
          <cell r="S484">
            <v>0</v>
          </cell>
          <cell r="T484">
            <v>0</v>
          </cell>
          <cell r="U484">
            <v>0</v>
          </cell>
          <cell r="V484">
            <v>0</v>
          </cell>
          <cell r="W484">
            <v>0</v>
          </cell>
        </row>
        <row r="485">
          <cell r="A485" t="str">
            <v>MFA_non_utilizzo_%</v>
          </cell>
          <cell r="G485">
            <v>0</v>
          </cell>
          <cell r="H485">
            <v>0</v>
          </cell>
          <cell r="I485">
            <v>0</v>
          </cell>
          <cell r="J485">
            <v>0</v>
          </cell>
          <cell r="K485">
            <v>0</v>
          </cell>
          <cell r="L485">
            <v>0</v>
          </cell>
          <cell r="M485">
            <v>0</v>
          </cell>
          <cell r="N485">
            <v>0</v>
          </cell>
          <cell r="O485">
            <v>0</v>
          </cell>
          <cell r="P485">
            <v>0</v>
          </cell>
          <cell r="Q485">
            <v>0</v>
          </cell>
          <cell r="R485">
            <v>0</v>
          </cell>
          <cell r="S485">
            <v>0</v>
          </cell>
          <cell r="T485">
            <v>0</v>
          </cell>
          <cell r="U485">
            <v>0</v>
          </cell>
          <cell r="V485">
            <v>0</v>
          </cell>
          <cell r="W485">
            <v>0</v>
          </cell>
        </row>
        <row r="486">
          <cell r="A486" t="str">
            <v>MBQ_non_utilizzo_%</v>
          </cell>
          <cell r="G486">
            <v>0</v>
          </cell>
          <cell r="H486">
            <v>0</v>
          </cell>
          <cell r="I486">
            <v>0</v>
          </cell>
          <cell r="J486">
            <v>0</v>
          </cell>
          <cell r="K486">
            <v>0</v>
          </cell>
          <cell r="L486">
            <v>0</v>
          </cell>
          <cell r="M486">
            <v>0</v>
          </cell>
          <cell r="N486">
            <v>0</v>
          </cell>
          <cell r="O486">
            <v>0</v>
          </cell>
          <cell r="P486">
            <v>0</v>
          </cell>
          <cell r="Q486">
            <v>0</v>
          </cell>
          <cell r="R486">
            <v>0</v>
          </cell>
          <cell r="S486">
            <v>0</v>
          </cell>
          <cell r="T486">
            <v>0</v>
          </cell>
          <cell r="U486">
            <v>0</v>
          </cell>
          <cell r="V486">
            <v>0</v>
          </cell>
          <cell r="W486">
            <v>0</v>
          </cell>
        </row>
        <row r="487">
          <cell r="A487" t="str">
            <v>MBG_non_utilizzo_%</v>
          </cell>
          <cell r="G487">
            <v>0</v>
          </cell>
          <cell r="H487">
            <v>0</v>
          </cell>
          <cell r="I487">
            <v>0</v>
          </cell>
          <cell r="J487">
            <v>0</v>
          </cell>
          <cell r="K487">
            <v>0</v>
          </cell>
          <cell r="L487">
            <v>0</v>
          </cell>
          <cell r="M487">
            <v>0</v>
          </cell>
          <cell r="N487">
            <v>0</v>
          </cell>
          <cell r="O487">
            <v>0</v>
          </cell>
          <cell r="P487">
            <v>0</v>
          </cell>
          <cell r="Q487">
            <v>0</v>
          </cell>
          <cell r="R487">
            <v>0</v>
          </cell>
          <cell r="S487">
            <v>0</v>
          </cell>
          <cell r="T487">
            <v>0</v>
          </cell>
          <cell r="U487">
            <v>0</v>
          </cell>
          <cell r="V487">
            <v>0</v>
          </cell>
          <cell r="W487">
            <v>0</v>
          </cell>
        </row>
        <row r="488">
          <cell r="A488" t="str">
            <v>WID_non_utilizzo_%</v>
          </cell>
          <cell r="G488">
            <v>0</v>
          </cell>
          <cell r="H488">
            <v>0</v>
          </cell>
          <cell r="I488">
            <v>0</v>
          </cell>
          <cell r="J488">
            <v>0</v>
          </cell>
          <cell r="K488">
            <v>0</v>
          </cell>
          <cell r="L488">
            <v>0</v>
          </cell>
          <cell r="M488">
            <v>0</v>
          </cell>
          <cell r="N488">
            <v>0</v>
          </cell>
          <cell r="O488">
            <v>0</v>
          </cell>
          <cell r="P488">
            <v>0</v>
          </cell>
          <cell r="Q488">
            <v>0</v>
          </cell>
          <cell r="R488">
            <v>0</v>
          </cell>
          <cell r="S488">
            <v>0</v>
          </cell>
          <cell r="T488">
            <v>0</v>
          </cell>
          <cell r="U488">
            <v>0</v>
          </cell>
          <cell r="V488">
            <v>0</v>
          </cell>
          <cell r="W488">
            <v>0</v>
          </cell>
        </row>
        <row r="489">
          <cell r="A489" t="str">
            <v>FIN_non_utilizzo_%</v>
          </cell>
          <cell r="G489">
            <v>0</v>
          </cell>
          <cell r="H489">
            <v>0</v>
          </cell>
          <cell r="I489">
            <v>0</v>
          </cell>
          <cell r="J489">
            <v>0</v>
          </cell>
          <cell r="K489">
            <v>0</v>
          </cell>
          <cell r="L489">
            <v>0</v>
          </cell>
          <cell r="M489">
            <v>0</v>
          </cell>
          <cell r="N489">
            <v>0</v>
          </cell>
          <cell r="O489">
            <v>0</v>
          </cell>
          <cell r="P489">
            <v>0</v>
          </cell>
          <cell r="Q489">
            <v>0</v>
          </cell>
          <cell r="R489">
            <v>0</v>
          </cell>
          <cell r="S489">
            <v>0</v>
          </cell>
          <cell r="T489">
            <v>0</v>
          </cell>
          <cell r="U489">
            <v>0</v>
          </cell>
          <cell r="V489">
            <v>0</v>
          </cell>
          <cell r="W489">
            <v>0</v>
          </cell>
        </row>
        <row r="490">
          <cell r="A490" t="str">
            <v>ALM_non_utilizzo_%</v>
          </cell>
          <cell r="G490">
            <v>0</v>
          </cell>
          <cell r="H490">
            <v>0</v>
          </cell>
          <cell r="I490">
            <v>0</v>
          </cell>
          <cell r="J490">
            <v>0</v>
          </cell>
          <cell r="K490">
            <v>0</v>
          </cell>
          <cell r="L490">
            <v>0</v>
          </cell>
          <cell r="M490">
            <v>0</v>
          </cell>
          <cell r="N490">
            <v>0</v>
          </cell>
          <cell r="O490">
            <v>0</v>
          </cell>
          <cell r="P490">
            <v>0</v>
          </cell>
          <cell r="Q490">
            <v>0</v>
          </cell>
          <cell r="R490">
            <v>0</v>
          </cell>
          <cell r="S490">
            <v>0</v>
          </cell>
          <cell r="T490">
            <v>0</v>
          </cell>
          <cell r="U490">
            <v>0</v>
          </cell>
          <cell r="V490">
            <v>0</v>
          </cell>
          <cell r="W490">
            <v>0</v>
          </cell>
        </row>
        <row r="491">
          <cell r="A491" t="str">
            <v>FUO_non_utilizzo_%</v>
          </cell>
          <cell r="G491">
            <v>0</v>
          </cell>
          <cell r="H491">
            <v>0</v>
          </cell>
          <cell r="I491">
            <v>0</v>
          </cell>
          <cell r="J491">
            <v>0</v>
          </cell>
          <cell r="K491">
            <v>0</v>
          </cell>
          <cell r="L491">
            <v>0</v>
          </cell>
          <cell r="M491">
            <v>0</v>
          </cell>
          <cell r="N491">
            <v>0</v>
          </cell>
          <cell r="O491">
            <v>0</v>
          </cell>
          <cell r="P491">
            <v>0</v>
          </cell>
          <cell r="Q491">
            <v>0</v>
          </cell>
          <cell r="R491">
            <v>0</v>
          </cell>
          <cell r="S491">
            <v>0</v>
          </cell>
          <cell r="T491">
            <v>0</v>
          </cell>
          <cell r="U491">
            <v>0</v>
          </cell>
          <cell r="V491">
            <v>0</v>
          </cell>
          <cell r="W491">
            <v>0</v>
          </cell>
        </row>
        <row r="492">
          <cell r="A492" t="str">
            <v>XXX_non_utilizzo_%</v>
          </cell>
          <cell r="G492">
            <v>0</v>
          </cell>
          <cell r="H492">
            <v>0</v>
          </cell>
          <cell r="I492">
            <v>0</v>
          </cell>
          <cell r="J492">
            <v>0</v>
          </cell>
          <cell r="K492">
            <v>0</v>
          </cell>
          <cell r="L492">
            <v>0</v>
          </cell>
          <cell r="M492">
            <v>0</v>
          </cell>
          <cell r="N492">
            <v>0</v>
          </cell>
          <cell r="O492">
            <v>0</v>
          </cell>
          <cell r="P492">
            <v>0</v>
          </cell>
          <cell r="Q492">
            <v>0</v>
          </cell>
          <cell r="R492">
            <v>0</v>
          </cell>
          <cell r="S492">
            <v>0</v>
          </cell>
          <cell r="T492">
            <v>0</v>
          </cell>
          <cell r="U492">
            <v>0</v>
          </cell>
          <cell r="V492">
            <v>0</v>
          </cell>
          <cell r="W492">
            <v>0</v>
          </cell>
        </row>
        <row r="493">
          <cell r="G493">
            <v>0</v>
          </cell>
          <cell r="H493">
            <v>0</v>
          </cell>
          <cell r="I493">
            <v>0</v>
          </cell>
          <cell r="J493">
            <v>0</v>
          </cell>
          <cell r="K493">
            <v>0</v>
          </cell>
          <cell r="L493">
            <v>0</v>
          </cell>
          <cell r="M493">
            <v>0</v>
          </cell>
          <cell r="N493">
            <v>0</v>
          </cell>
          <cell r="O493">
            <v>0</v>
          </cell>
          <cell r="P493">
            <v>0</v>
          </cell>
          <cell r="Q493">
            <v>0</v>
          </cell>
          <cell r="R493">
            <v>0</v>
          </cell>
          <cell r="S493">
            <v>0</v>
          </cell>
          <cell r="T493">
            <v>0</v>
          </cell>
          <cell r="U493">
            <v>0</v>
          </cell>
          <cell r="V493">
            <v>0</v>
          </cell>
          <cell r="W493">
            <v>0</v>
          </cell>
        </row>
        <row r="494">
          <cell r="A494" t="str">
            <v>Val_fidi_%</v>
          </cell>
          <cell r="G494">
            <v>3.3015554842589646E-7</v>
          </cell>
          <cell r="H494">
            <v>3.4037363622690803E-7</v>
          </cell>
          <cell r="I494">
            <v>3.3526459232640222E-7</v>
          </cell>
          <cell r="J494">
            <v>3.3526459232640222E-7</v>
          </cell>
          <cell r="K494">
            <v>3.3526459232640222E-7</v>
          </cell>
          <cell r="L494">
            <v>3.3526459232640222E-7</v>
          </cell>
          <cell r="M494">
            <v>3.3526459232640222E-7</v>
          </cell>
          <cell r="N494">
            <v>3.3526459232640222E-7</v>
          </cell>
          <cell r="O494">
            <v>3.3526459232640222E-7</v>
          </cell>
          <cell r="P494">
            <v>3.3526459232640222E-7</v>
          </cell>
          <cell r="Q494">
            <v>3.3526459232640222E-7</v>
          </cell>
          <cell r="R494">
            <v>3.3526459232640222E-7</v>
          </cell>
          <cell r="S494">
            <v>3.3526459232640222E-7</v>
          </cell>
          <cell r="T494">
            <v>3.3526459232640222E-7</v>
          </cell>
          <cell r="U494">
            <v>3.3526459232640222E-7</v>
          </cell>
          <cell r="V494">
            <v>3.3526459232640222E-7</v>
          </cell>
          <cell r="W494">
            <v>3.3526459232640222E-7</v>
          </cell>
          <cell r="Y494">
            <v>0</v>
          </cell>
          <cell r="Z494">
            <v>0</v>
          </cell>
        </row>
        <row r="495">
          <cell r="A495" t="str">
            <v>Pre_fidi_%</v>
          </cell>
          <cell r="G495">
            <v>7.2505173280123028E-6</v>
          </cell>
          <cell r="H495">
            <v>7.2227563261115711E-6</v>
          </cell>
          <cell r="I495">
            <v>7.2366368270619369E-6</v>
          </cell>
          <cell r="J495">
            <v>7.2366368270619369E-6</v>
          </cell>
          <cell r="K495">
            <v>7.2366368270619369E-6</v>
          </cell>
          <cell r="L495">
            <v>7.2366368270619369E-6</v>
          </cell>
          <cell r="M495">
            <v>7.2366368270619369E-6</v>
          </cell>
          <cell r="N495">
            <v>7.2366368270619369E-6</v>
          </cell>
          <cell r="O495">
            <v>7.2366368270619369E-6</v>
          </cell>
          <cell r="P495">
            <v>7.2366368270619369E-6</v>
          </cell>
          <cell r="Q495">
            <v>7.2366368270619369E-6</v>
          </cell>
          <cell r="R495">
            <v>7.2366368270619369E-6</v>
          </cell>
          <cell r="S495">
            <v>7.2366368270619369E-6</v>
          </cell>
          <cell r="T495">
            <v>7.2366368270619369E-6</v>
          </cell>
          <cell r="U495">
            <v>7.2366368270619369E-6</v>
          </cell>
          <cell r="V495">
            <v>7.2366368270619369E-6</v>
          </cell>
          <cell r="W495">
            <v>7.2366368270619369E-6</v>
          </cell>
        </row>
        <row r="496">
          <cell r="A496" t="str">
            <v>Sma_fidi_%</v>
          </cell>
          <cell r="G496">
            <v>2.3537650893346207E-8</v>
          </cell>
          <cell r="H496">
            <v>2.3340380435830001E-8</v>
          </cell>
          <cell r="I496">
            <v>2.3439015664588103E-8</v>
          </cell>
          <cell r="J496">
            <v>2.3439015664588103E-8</v>
          </cell>
          <cell r="K496">
            <v>2.3439015664588103E-8</v>
          </cell>
          <cell r="L496">
            <v>2.3439015664588103E-8</v>
          </cell>
          <cell r="M496">
            <v>2.3439015664588103E-8</v>
          </cell>
          <cell r="N496">
            <v>2.3439015664588103E-8</v>
          </cell>
          <cell r="O496">
            <v>2.3439015664588103E-8</v>
          </cell>
          <cell r="P496">
            <v>2.3439015664588103E-8</v>
          </cell>
          <cell r="Q496">
            <v>2.3439015664588103E-8</v>
          </cell>
          <cell r="R496">
            <v>2.3439015664588103E-8</v>
          </cell>
          <cell r="S496">
            <v>2.3439015664588103E-8</v>
          </cell>
          <cell r="T496">
            <v>2.3439015664588103E-8</v>
          </cell>
          <cell r="U496">
            <v>2.3439015664588103E-8</v>
          </cell>
          <cell r="V496">
            <v>2.3439015664588103E-8</v>
          </cell>
          <cell r="W496">
            <v>2.3439015664588103E-8</v>
          </cell>
        </row>
        <row r="497">
          <cell r="A497" t="str">
            <v>Pri_fidi_%</v>
          </cell>
          <cell r="G497">
            <v>1.0054858657118834E-5</v>
          </cell>
          <cell r="H497">
            <v>1.0160724665321637E-5</v>
          </cell>
          <cell r="I497">
            <v>1.0107791661220235E-5</v>
          </cell>
          <cell r="J497">
            <v>1.0107791661220235E-5</v>
          </cell>
          <cell r="K497">
            <v>1.0107791661220235E-5</v>
          </cell>
          <cell r="L497">
            <v>1.0107791661220235E-5</v>
          </cell>
          <cell r="M497">
            <v>1.0107791661220235E-5</v>
          </cell>
          <cell r="N497">
            <v>1.0107791661220235E-5</v>
          </cell>
          <cell r="O497">
            <v>1.0107791661220235E-5</v>
          </cell>
          <cell r="P497">
            <v>1.0107791661220235E-5</v>
          </cell>
          <cell r="Q497">
            <v>1.0107791661220235E-5</v>
          </cell>
          <cell r="R497">
            <v>1.0107791661220235E-5</v>
          </cell>
          <cell r="S497">
            <v>1.0107791661220235E-5</v>
          </cell>
          <cell r="T497">
            <v>1.0107791661220235E-5</v>
          </cell>
          <cell r="U497">
            <v>1.0107791661220235E-5</v>
          </cell>
          <cell r="V497">
            <v>1.0107791661220235E-5</v>
          </cell>
          <cell r="W497">
            <v>1.0107791661220235E-5</v>
          </cell>
        </row>
        <row r="498">
          <cell r="A498" t="str">
            <v>Fam_fidi_%</v>
          </cell>
          <cell r="G498">
            <v>2.0629599762913152E-4</v>
          </cell>
          <cell r="H498">
            <v>1.6117154291401292E-4</v>
          </cell>
          <cell r="I498">
            <v>1.8373377027157222E-4</v>
          </cell>
          <cell r="J498">
            <v>1.8373377027157222E-4</v>
          </cell>
          <cell r="K498">
            <v>1.8373377027157222E-4</v>
          </cell>
          <cell r="L498">
            <v>1.8373377027157222E-4</v>
          </cell>
          <cell r="M498">
            <v>1.8373377027157222E-4</v>
          </cell>
          <cell r="N498">
            <v>1.8373377027157222E-4</v>
          </cell>
          <cell r="O498">
            <v>1.8373377027157222E-4</v>
          </cell>
          <cell r="P498">
            <v>1.8373377027157222E-4</v>
          </cell>
          <cell r="Q498">
            <v>1.8373377027157222E-4</v>
          </cell>
          <cell r="R498">
            <v>1.8373377027157222E-4</v>
          </cell>
          <cell r="S498">
            <v>1.8373377027157222E-4</v>
          </cell>
          <cell r="T498">
            <v>1.8373377027157222E-4</v>
          </cell>
          <cell r="U498">
            <v>1.8373377027157222E-4</v>
          </cell>
          <cell r="V498">
            <v>1.8373377027157222E-4</v>
          </cell>
          <cell r="W498">
            <v>1.8373377027157222E-4</v>
          </cell>
        </row>
        <row r="499">
          <cell r="A499" t="str">
            <v>PMI_fidi_%</v>
          </cell>
          <cell r="G499">
            <v>1.043100205071291E-8</v>
          </cell>
          <cell r="H499">
            <v>1.0557708064185302E-8</v>
          </cell>
          <cell r="I499">
            <v>1.0494355057449105E-8</v>
          </cell>
          <cell r="J499">
            <v>1.0494355057449105E-8</v>
          </cell>
          <cell r="K499">
            <v>1.0494355057449105E-8</v>
          </cell>
          <cell r="L499">
            <v>1.0494355057449105E-8</v>
          </cell>
          <cell r="M499">
            <v>1.0494355057449105E-8</v>
          </cell>
          <cell r="N499">
            <v>1.0494355057449105E-8</v>
          </cell>
          <cell r="O499">
            <v>1.0494355057449105E-8</v>
          </cell>
          <cell r="P499">
            <v>1.0494355057449105E-8</v>
          </cell>
          <cell r="Q499">
            <v>1.0494355057449105E-8</v>
          </cell>
          <cell r="R499">
            <v>1.0494355057449105E-8</v>
          </cell>
          <cell r="S499">
            <v>1.0494355057449105E-8</v>
          </cell>
          <cell r="T499">
            <v>1.0494355057449105E-8</v>
          </cell>
          <cell r="U499">
            <v>1.0494355057449105E-8</v>
          </cell>
          <cell r="V499">
            <v>1.0494355057449105E-8</v>
          </cell>
          <cell r="W499">
            <v>1.0494355057449105E-8</v>
          </cell>
        </row>
        <row r="500">
          <cell r="A500" t="str">
            <v>ENT_fidi_%</v>
          </cell>
          <cell r="G500">
            <v>1.4993964179447018E-7</v>
          </cell>
          <cell r="H500">
            <v>3.6939946575379927E-7</v>
          </cell>
          <cell r="I500">
            <v>2.5966955377413471E-7</v>
          </cell>
          <cell r="J500">
            <v>2.5966955377413471E-7</v>
          </cell>
          <cell r="K500">
            <v>2.5966955377413471E-7</v>
          </cell>
          <cell r="L500">
            <v>2.5966955377413471E-7</v>
          </cell>
          <cell r="M500">
            <v>2.5966955377413471E-7</v>
          </cell>
          <cell r="N500">
            <v>2.5966955377413471E-7</v>
          </cell>
          <cell r="O500">
            <v>2.5966955377413471E-7</v>
          </cell>
          <cell r="P500">
            <v>2.5966955377413471E-7</v>
          </cell>
          <cell r="Q500">
            <v>2.5966955377413471E-7</v>
          </cell>
          <cell r="R500">
            <v>2.5966955377413471E-7</v>
          </cell>
          <cell r="S500">
            <v>2.5966955377413471E-7</v>
          </cell>
          <cell r="T500">
            <v>2.5966955377413471E-7</v>
          </cell>
          <cell r="U500">
            <v>2.5966955377413471E-7</v>
          </cell>
          <cell r="V500">
            <v>2.5966955377413471E-7</v>
          </cell>
          <cell r="W500">
            <v>2.5966955377413471E-7</v>
          </cell>
        </row>
        <row r="501">
          <cell r="A501" t="str">
            <v>Cor_fidi_%</v>
          </cell>
          <cell r="G501">
            <v>1.5295799759381218E-7</v>
          </cell>
          <cell r="H501">
            <v>1.3463160098779949E-7</v>
          </cell>
          <cell r="I501">
            <v>1.4379479929080582E-7</v>
          </cell>
          <cell r="J501">
            <v>1.4379479929080582E-7</v>
          </cell>
          <cell r="K501">
            <v>1.4379479929080582E-7</v>
          </cell>
          <cell r="L501">
            <v>1.4379479929080582E-7</v>
          </cell>
          <cell r="M501">
            <v>1.4379479929080582E-7</v>
          </cell>
          <cell r="N501">
            <v>1.4379479929080582E-7</v>
          </cell>
          <cell r="O501">
            <v>1.4379479929080582E-7</v>
          </cell>
          <cell r="P501">
            <v>1.4379479929080582E-7</v>
          </cell>
          <cell r="Q501">
            <v>1.4379479929080582E-7</v>
          </cell>
          <cell r="R501">
            <v>1.4379479929080582E-7</v>
          </cell>
          <cell r="S501">
            <v>1.4379479929080582E-7</v>
          </cell>
          <cell r="T501">
            <v>1.4379479929080582E-7</v>
          </cell>
          <cell r="U501">
            <v>1.4379479929080582E-7</v>
          </cell>
          <cell r="V501">
            <v>1.4379479929080582E-7</v>
          </cell>
          <cell r="W501">
            <v>1.4379479929080582E-7</v>
          </cell>
        </row>
        <row r="502">
          <cell r="A502" t="str">
            <v>Gra_fidi_%</v>
          </cell>
          <cell r="G502">
            <v>1.1322543779568072E-7</v>
          </cell>
          <cell r="H502">
            <v>1.1489789278085914E-7</v>
          </cell>
          <cell r="I502">
            <v>1.1406166528826994E-7</v>
          </cell>
          <cell r="J502">
            <v>1.1406166528826994E-7</v>
          </cell>
          <cell r="K502">
            <v>1.1406166528826994E-7</v>
          </cell>
          <cell r="L502">
            <v>1.1406166528826994E-7</v>
          </cell>
          <cell r="M502">
            <v>1.1406166528826994E-7</v>
          </cell>
          <cell r="N502">
            <v>1.1406166528826994E-7</v>
          </cell>
          <cell r="O502">
            <v>1.1406166528826994E-7</v>
          </cell>
          <cell r="P502">
            <v>1.1406166528826994E-7</v>
          </cell>
          <cell r="Q502">
            <v>1.1406166528826994E-7</v>
          </cell>
          <cell r="R502">
            <v>1.1406166528826994E-7</v>
          </cell>
          <cell r="S502">
            <v>1.1406166528826994E-7</v>
          </cell>
          <cell r="T502">
            <v>1.1406166528826994E-7</v>
          </cell>
          <cell r="U502">
            <v>1.1406166528826994E-7</v>
          </cell>
          <cell r="V502">
            <v>1.1406166528826994E-7</v>
          </cell>
          <cell r="W502">
            <v>1.1406166528826994E-7</v>
          </cell>
        </row>
        <row r="503">
          <cell r="A503" t="str">
            <v>FEX_fidi_%</v>
          </cell>
          <cell r="G503">
            <v>0</v>
          </cell>
          <cell r="H503">
            <v>0</v>
          </cell>
          <cell r="I503">
            <v>0</v>
          </cell>
          <cell r="J503">
            <v>0</v>
          </cell>
          <cell r="K503">
            <v>0</v>
          </cell>
          <cell r="L503">
            <v>0</v>
          </cell>
          <cell r="M503">
            <v>0</v>
          </cell>
          <cell r="N503">
            <v>0</v>
          </cell>
          <cell r="O503">
            <v>0</v>
          </cell>
          <cell r="P503">
            <v>0</v>
          </cell>
          <cell r="Q503">
            <v>0</v>
          </cell>
          <cell r="R503">
            <v>0</v>
          </cell>
          <cell r="S503">
            <v>0</v>
          </cell>
          <cell r="T503">
            <v>0</v>
          </cell>
          <cell r="U503">
            <v>0</v>
          </cell>
          <cell r="V503">
            <v>0</v>
          </cell>
          <cell r="W503">
            <v>0</v>
          </cell>
        </row>
        <row r="504">
          <cell r="A504" t="str">
            <v>MCL_fidi_%</v>
          </cell>
          <cell r="G504">
            <v>0</v>
          </cell>
          <cell r="H504">
            <v>0</v>
          </cell>
          <cell r="I504">
            <v>0</v>
          </cell>
          <cell r="J504">
            <v>0</v>
          </cell>
          <cell r="K504">
            <v>0</v>
          </cell>
          <cell r="L504">
            <v>0</v>
          </cell>
          <cell r="M504">
            <v>0</v>
          </cell>
          <cell r="N504">
            <v>0</v>
          </cell>
          <cell r="O504">
            <v>0</v>
          </cell>
          <cell r="P504">
            <v>0</v>
          </cell>
          <cell r="Q504">
            <v>0</v>
          </cell>
          <cell r="R504">
            <v>0</v>
          </cell>
          <cell r="S504">
            <v>0</v>
          </cell>
          <cell r="T504">
            <v>0</v>
          </cell>
          <cell r="U504">
            <v>0</v>
          </cell>
          <cell r="V504">
            <v>0</v>
          </cell>
          <cell r="W504">
            <v>0</v>
          </cell>
        </row>
        <row r="505">
          <cell r="A505" t="str">
            <v>MCG_fidi_%</v>
          </cell>
          <cell r="G505">
            <v>0</v>
          </cell>
          <cell r="H505">
            <v>0</v>
          </cell>
          <cell r="I505">
            <v>0</v>
          </cell>
          <cell r="J505">
            <v>0</v>
          </cell>
          <cell r="K505">
            <v>0</v>
          </cell>
          <cell r="L505">
            <v>0</v>
          </cell>
          <cell r="M505">
            <v>0</v>
          </cell>
          <cell r="N505">
            <v>0</v>
          </cell>
          <cell r="O505">
            <v>0</v>
          </cell>
          <cell r="P505">
            <v>0</v>
          </cell>
          <cell r="Q505">
            <v>0</v>
          </cell>
          <cell r="R505">
            <v>0</v>
          </cell>
          <cell r="S505">
            <v>0</v>
          </cell>
          <cell r="T505">
            <v>0</v>
          </cell>
          <cell r="U505">
            <v>0</v>
          </cell>
          <cell r="V505">
            <v>0</v>
          </cell>
          <cell r="W505">
            <v>0</v>
          </cell>
        </row>
        <row r="506">
          <cell r="A506" t="str">
            <v>MLE_fidi_%</v>
          </cell>
          <cell r="G506">
            <v>0</v>
          </cell>
          <cell r="H506">
            <v>0</v>
          </cell>
          <cell r="I506">
            <v>0</v>
          </cell>
          <cell r="J506">
            <v>0</v>
          </cell>
          <cell r="K506">
            <v>0</v>
          </cell>
          <cell r="L506">
            <v>0</v>
          </cell>
          <cell r="M506">
            <v>0</v>
          </cell>
          <cell r="N506">
            <v>0</v>
          </cell>
          <cell r="O506">
            <v>0</v>
          </cell>
          <cell r="P506">
            <v>0</v>
          </cell>
          <cell r="Q506">
            <v>0</v>
          </cell>
          <cell r="R506">
            <v>0</v>
          </cell>
          <cell r="S506">
            <v>0</v>
          </cell>
          <cell r="T506">
            <v>0</v>
          </cell>
          <cell r="U506">
            <v>0</v>
          </cell>
          <cell r="V506">
            <v>0</v>
          </cell>
          <cell r="W506">
            <v>0</v>
          </cell>
        </row>
        <row r="507">
          <cell r="A507" t="str">
            <v>MFA_fidi_%</v>
          </cell>
          <cell r="G507">
            <v>0</v>
          </cell>
          <cell r="H507">
            <v>0</v>
          </cell>
          <cell r="I507">
            <v>0</v>
          </cell>
          <cell r="J507">
            <v>0</v>
          </cell>
          <cell r="K507">
            <v>0</v>
          </cell>
          <cell r="L507">
            <v>0</v>
          </cell>
          <cell r="M507">
            <v>0</v>
          </cell>
          <cell r="N507">
            <v>0</v>
          </cell>
          <cell r="O507">
            <v>0</v>
          </cell>
          <cell r="P507">
            <v>0</v>
          </cell>
          <cell r="Q507">
            <v>0</v>
          </cell>
          <cell r="R507">
            <v>0</v>
          </cell>
          <cell r="S507">
            <v>0</v>
          </cell>
          <cell r="T507">
            <v>0</v>
          </cell>
          <cell r="U507">
            <v>0</v>
          </cell>
          <cell r="V507">
            <v>0</v>
          </cell>
          <cell r="W507">
            <v>0</v>
          </cell>
        </row>
        <row r="508">
          <cell r="A508" t="str">
            <v>MBQ_fidi_%</v>
          </cell>
          <cell r="G508">
            <v>0</v>
          </cell>
          <cell r="H508">
            <v>0</v>
          </cell>
          <cell r="I508">
            <v>0</v>
          </cell>
          <cell r="J508">
            <v>0</v>
          </cell>
          <cell r="K508">
            <v>0</v>
          </cell>
          <cell r="L508">
            <v>0</v>
          </cell>
          <cell r="M508">
            <v>0</v>
          </cell>
          <cell r="N508">
            <v>0</v>
          </cell>
          <cell r="O508">
            <v>0</v>
          </cell>
          <cell r="P508">
            <v>0</v>
          </cell>
          <cell r="Q508">
            <v>0</v>
          </cell>
          <cell r="R508">
            <v>0</v>
          </cell>
          <cell r="S508">
            <v>0</v>
          </cell>
          <cell r="T508">
            <v>0</v>
          </cell>
          <cell r="U508">
            <v>0</v>
          </cell>
          <cell r="V508">
            <v>0</v>
          </cell>
          <cell r="W508">
            <v>0</v>
          </cell>
        </row>
        <row r="509">
          <cell r="A509" t="str">
            <v>MBG_fidi_%</v>
          </cell>
          <cell r="G509">
            <v>0</v>
          </cell>
          <cell r="H509">
            <v>0</v>
          </cell>
          <cell r="I509">
            <v>0</v>
          </cell>
          <cell r="J509">
            <v>0</v>
          </cell>
          <cell r="K509">
            <v>0</v>
          </cell>
          <cell r="L509">
            <v>0</v>
          </cell>
          <cell r="M509">
            <v>0</v>
          </cell>
          <cell r="N509">
            <v>0</v>
          </cell>
          <cell r="O509">
            <v>0</v>
          </cell>
          <cell r="P509">
            <v>0</v>
          </cell>
          <cell r="Q509">
            <v>0</v>
          </cell>
          <cell r="R509">
            <v>0</v>
          </cell>
          <cell r="S509">
            <v>0</v>
          </cell>
          <cell r="T509">
            <v>0</v>
          </cell>
          <cell r="U509">
            <v>0</v>
          </cell>
          <cell r="V509">
            <v>0</v>
          </cell>
          <cell r="W509">
            <v>0</v>
          </cell>
        </row>
        <row r="510">
          <cell r="A510" t="str">
            <v>WID_fidi_%</v>
          </cell>
          <cell r="G510">
            <v>0</v>
          </cell>
          <cell r="H510">
            <v>0</v>
          </cell>
          <cell r="I510">
            <v>0</v>
          </cell>
          <cell r="J510">
            <v>0</v>
          </cell>
          <cell r="K510">
            <v>0</v>
          </cell>
          <cell r="L510">
            <v>0</v>
          </cell>
          <cell r="M510">
            <v>0</v>
          </cell>
          <cell r="N510">
            <v>0</v>
          </cell>
          <cell r="O510">
            <v>0</v>
          </cell>
          <cell r="P510">
            <v>0</v>
          </cell>
          <cell r="Q510">
            <v>0</v>
          </cell>
          <cell r="R510">
            <v>0</v>
          </cell>
          <cell r="S510">
            <v>0</v>
          </cell>
          <cell r="T510">
            <v>0</v>
          </cell>
          <cell r="U510">
            <v>0</v>
          </cell>
          <cell r="V510">
            <v>0</v>
          </cell>
          <cell r="W510">
            <v>0</v>
          </cell>
        </row>
        <row r="511">
          <cell r="A511" t="str">
            <v>FIN_fidi_%</v>
          </cell>
          <cell r="G511">
            <v>0</v>
          </cell>
          <cell r="H511">
            <v>0</v>
          </cell>
          <cell r="I511">
            <v>0</v>
          </cell>
          <cell r="J511">
            <v>0</v>
          </cell>
          <cell r="K511">
            <v>0</v>
          </cell>
          <cell r="L511">
            <v>0</v>
          </cell>
          <cell r="M511">
            <v>0</v>
          </cell>
          <cell r="N511">
            <v>0</v>
          </cell>
          <cell r="O511">
            <v>0</v>
          </cell>
          <cell r="P511">
            <v>0</v>
          </cell>
          <cell r="Q511">
            <v>0</v>
          </cell>
          <cell r="R511">
            <v>0</v>
          </cell>
          <cell r="S511">
            <v>0</v>
          </cell>
          <cell r="T511">
            <v>0</v>
          </cell>
          <cell r="U511">
            <v>0</v>
          </cell>
          <cell r="V511">
            <v>0</v>
          </cell>
          <cell r="W511">
            <v>0</v>
          </cell>
        </row>
        <row r="512">
          <cell r="A512" t="str">
            <v>ALM_fidi_%</v>
          </cell>
          <cell r="G512">
            <v>0</v>
          </cell>
          <cell r="H512">
            <v>0</v>
          </cell>
          <cell r="I512">
            <v>0</v>
          </cell>
          <cell r="J512">
            <v>0</v>
          </cell>
          <cell r="K512">
            <v>0</v>
          </cell>
          <cell r="L512">
            <v>0</v>
          </cell>
          <cell r="M512">
            <v>0</v>
          </cell>
          <cell r="N512">
            <v>0</v>
          </cell>
          <cell r="O512">
            <v>0</v>
          </cell>
          <cell r="P512">
            <v>0</v>
          </cell>
          <cell r="Q512">
            <v>0</v>
          </cell>
          <cell r="R512">
            <v>0</v>
          </cell>
          <cell r="S512">
            <v>0</v>
          </cell>
          <cell r="T512">
            <v>0</v>
          </cell>
          <cell r="U512">
            <v>0</v>
          </cell>
          <cell r="V512">
            <v>0</v>
          </cell>
          <cell r="W512">
            <v>0</v>
          </cell>
        </row>
        <row r="513">
          <cell r="A513" t="str">
            <v>FUO_fidi_%</v>
          </cell>
          <cell r="G513">
            <v>0</v>
          </cell>
          <cell r="H513">
            <v>0</v>
          </cell>
          <cell r="I513">
            <v>0</v>
          </cell>
          <cell r="J513">
            <v>0</v>
          </cell>
          <cell r="K513">
            <v>0</v>
          </cell>
          <cell r="L513">
            <v>0</v>
          </cell>
          <cell r="M513">
            <v>0</v>
          </cell>
          <cell r="N513">
            <v>0</v>
          </cell>
          <cell r="O513">
            <v>0</v>
          </cell>
          <cell r="P513">
            <v>0</v>
          </cell>
          <cell r="Q513">
            <v>0</v>
          </cell>
          <cell r="R513">
            <v>0</v>
          </cell>
          <cell r="S513">
            <v>0</v>
          </cell>
          <cell r="T513">
            <v>0</v>
          </cell>
          <cell r="U513">
            <v>0</v>
          </cell>
          <cell r="V513">
            <v>0</v>
          </cell>
          <cell r="W513">
            <v>0</v>
          </cell>
        </row>
        <row r="514">
          <cell r="A514" t="str">
            <v>XXX_fidi_%</v>
          </cell>
          <cell r="G514">
            <v>0</v>
          </cell>
          <cell r="H514">
            <v>0</v>
          </cell>
          <cell r="I514">
            <v>0</v>
          </cell>
          <cell r="J514">
            <v>0</v>
          </cell>
          <cell r="K514">
            <v>0</v>
          </cell>
          <cell r="L514">
            <v>0</v>
          </cell>
          <cell r="M514">
            <v>0</v>
          </cell>
          <cell r="N514">
            <v>0</v>
          </cell>
          <cell r="O514">
            <v>0</v>
          </cell>
          <cell r="P514">
            <v>0</v>
          </cell>
          <cell r="Q514">
            <v>0</v>
          </cell>
          <cell r="R514">
            <v>0</v>
          </cell>
          <cell r="S514">
            <v>0</v>
          </cell>
          <cell r="T514">
            <v>0</v>
          </cell>
          <cell r="U514">
            <v>0</v>
          </cell>
          <cell r="V514">
            <v>0</v>
          </cell>
          <cell r="W514">
            <v>0</v>
          </cell>
        </row>
        <row r="515">
          <cell r="G515">
            <v>0</v>
          </cell>
          <cell r="H515">
            <v>0</v>
          </cell>
          <cell r="I515">
            <v>0</v>
          </cell>
          <cell r="J515">
            <v>0</v>
          </cell>
          <cell r="K515">
            <v>0</v>
          </cell>
          <cell r="L515">
            <v>0</v>
          </cell>
          <cell r="M515">
            <v>0</v>
          </cell>
          <cell r="N515">
            <v>0</v>
          </cell>
          <cell r="O515">
            <v>0</v>
          </cell>
          <cell r="P515">
            <v>0</v>
          </cell>
          <cell r="Q515">
            <v>0</v>
          </cell>
          <cell r="R515">
            <v>0</v>
          </cell>
          <cell r="S515">
            <v>0</v>
          </cell>
          <cell r="T515">
            <v>0</v>
          </cell>
          <cell r="U515">
            <v>0</v>
          </cell>
          <cell r="V515">
            <v>0</v>
          </cell>
          <cell r="W515">
            <v>0</v>
          </cell>
        </row>
        <row r="516">
          <cell r="G516">
            <v>0</v>
          </cell>
          <cell r="H516">
            <v>0</v>
          </cell>
          <cell r="I516">
            <v>0</v>
          </cell>
          <cell r="J516">
            <v>0</v>
          </cell>
          <cell r="K516">
            <v>0</v>
          </cell>
          <cell r="L516">
            <v>0</v>
          </cell>
          <cell r="M516">
            <v>0</v>
          </cell>
          <cell r="N516">
            <v>0</v>
          </cell>
          <cell r="O516">
            <v>0</v>
          </cell>
          <cell r="P516">
            <v>0</v>
          </cell>
          <cell r="Q516">
            <v>0</v>
          </cell>
          <cell r="R516">
            <v>0</v>
          </cell>
          <cell r="S516">
            <v>0</v>
          </cell>
          <cell r="T516">
            <v>0</v>
          </cell>
          <cell r="U516">
            <v>0</v>
          </cell>
          <cell r="V516">
            <v>0</v>
          </cell>
          <cell r="W516">
            <v>0</v>
          </cell>
        </row>
        <row r="517">
          <cell r="A517" t="str">
            <v>Val_hedge_%</v>
          </cell>
          <cell r="G517">
            <v>1.1010033231116294E-6</v>
          </cell>
          <cell r="H517">
            <v>0</v>
          </cell>
          <cell r="I517">
            <v>5.5050166155581471E-7</v>
          </cell>
          <cell r="J517">
            <v>5.5050166155581471E-7</v>
          </cell>
          <cell r="K517">
            <v>5.5050166155581471E-7</v>
          </cell>
          <cell r="L517">
            <v>5.5050166155581471E-7</v>
          </cell>
          <cell r="M517">
            <v>5.5050166155581471E-7</v>
          </cell>
          <cell r="N517">
            <v>5.5050166155581471E-7</v>
          </cell>
          <cell r="O517">
            <v>5.5050166155581471E-7</v>
          </cell>
          <cell r="P517">
            <v>5.5050166155581471E-7</v>
          </cell>
          <cell r="Q517">
            <v>5.5050166155581471E-7</v>
          </cell>
          <cell r="R517">
            <v>5.5050166155581471E-7</v>
          </cell>
          <cell r="S517">
            <v>5.5050166155581471E-7</v>
          </cell>
          <cell r="T517">
            <v>5.5050166155581471E-7</v>
          </cell>
          <cell r="U517">
            <v>5.5050166155581471E-7</v>
          </cell>
          <cell r="V517">
            <v>5.5050166155581471E-7</v>
          </cell>
          <cell r="W517">
            <v>5.5050166155581471E-7</v>
          </cell>
          <cell r="Y517">
            <v>0</v>
          </cell>
          <cell r="Z517">
            <v>0</v>
          </cell>
        </row>
        <row r="518">
          <cell r="A518" t="str">
            <v>Pre_hedge_%</v>
          </cell>
          <cell r="G518">
            <v>0</v>
          </cell>
          <cell r="H518">
            <v>0</v>
          </cell>
          <cell r="I518">
            <v>0</v>
          </cell>
          <cell r="J518">
            <v>0</v>
          </cell>
          <cell r="K518">
            <v>0</v>
          </cell>
          <cell r="L518">
            <v>0</v>
          </cell>
          <cell r="M518">
            <v>0</v>
          </cell>
          <cell r="N518">
            <v>0</v>
          </cell>
          <cell r="O518">
            <v>0</v>
          </cell>
          <cell r="P518">
            <v>0</v>
          </cell>
          <cell r="Q518">
            <v>0</v>
          </cell>
          <cell r="R518">
            <v>0</v>
          </cell>
          <cell r="S518">
            <v>0</v>
          </cell>
          <cell r="T518">
            <v>0</v>
          </cell>
          <cell r="U518">
            <v>0</v>
          </cell>
          <cell r="V518">
            <v>0</v>
          </cell>
          <cell r="W518">
            <v>0</v>
          </cell>
        </row>
        <row r="519">
          <cell r="A519" t="str">
            <v>Sma_hedge_%</v>
          </cell>
          <cell r="G519">
            <v>4.0552903388882148E-5</v>
          </cell>
          <cell r="H519">
            <v>4.5985738503182694E-5</v>
          </cell>
          <cell r="I519">
            <v>4.3269320946032421E-5</v>
          </cell>
          <cell r="J519">
            <v>4.3269320946032421E-5</v>
          </cell>
          <cell r="K519">
            <v>4.3269320946032421E-5</v>
          </cell>
          <cell r="L519">
            <v>4.3269320946032421E-5</v>
          </cell>
          <cell r="M519">
            <v>4.3269320946032421E-5</v>
          </cell>
          <cell r="N519">
            <v>4.3269320946032421E-5</v>
          </cell>
          <cell r="O519">
            <v>4.3269320946032421E-5</v>
          </cell>
          <cell r="P519">
            <v>4.3269320946032421E-5</v>
          </cell>
          <cell r="Q519">
            <v>4.3269320946032421E-5</v>
          </cell>
          <cell r="R519">
            <v>4.3269320946032421E-5</v>
          </cell>
          <cell r="S519">
            <v>4.3269320946032421E-5</v>
          </cell>
          <cell r="T519">
            <v>4.3269320946032421E-5</v>
          </cell>
          <cell r="U519">
            <v>4.3269320946032421E-5</v>
          </cell>
          <cell r="V519">
            <v>4.3269320946032421E-5</v>
          </cell>
          <cell r="W519">
            <v>4.3269320946032421E-5</v>
          </cell>
        </row>
        <row r="520">
          <cell r="A520" t="str">
            <v>Pri_hedge_%</v>
          </cell>
          <cell r="G520">
            <v>0</v>
          </cell>
          <cell r="H520">
            <v>0</v>
          </cell>
          <cell r="I520">
            <v>0</v>
          </cell>
          <cell r="J520">
            <v>0</v>
          </cell>
          <cell r="K520">
            <v>0</v>
          </cell>
          <cell r="L520">
            <v>0</v>
          </cell>
          <cell r="M520">
            <v>0</v>
          </cell>
          <cell r="N520">
            <v>0</v>
          </cell>
          <cell r="O520">
            <v>0</v>
          </cell>
          <cell r="P520">
            <v>0</v>
          </cell>
          <cell r="Q520">
            <v>0</v>
          </cell>
          <cell r="R520">
            <v>0</v>
          </cell>
          <cell r="S520">
            <v>0</v>
          </cell>
          <cell r="T520">
            <v>0</v>
          </cell>
          <cell r="U520">
            <v>0</v>
          </cell>
          <cell r="V520">
            <v>0</v>
          </cell>
          <cell r="W520">
            <v>0</v>
          </cell>
        </row>
        <row r="521">
          <cell r="A521" t="str">
            <v>Fam_hedge_%</v>
          </cell>
          <cell r="G521">
            <v>0</v>
          </cell>
          <cell r="H521">
            <v>0</v>
          </cell>
          <cell r="I521">
            <v>0</v>
          </cell>
          <cell r="J521">
            <v>0</v>
          </cell>
          <cell r="K521">
            <v>0</v>
          </cell>
          <cell r="L521">
            <v>0</v>
          </cell>
          <cell r="M521">
            <v>0</v>
          </cell>
          <cell r="N521">
            <v>0</v>
          </cell>
          <cell r="O521">
            <v>0</v>
          </cell>
          <cell r="P521">
            <v>0</v>
          </cell>
          <cell r="Q521">
            <v>0</v>
          </cell>
          <cell r="R521">
            <v>0</v>
          </cell>
          <cell r="S521">
            <v>0</v>
          </cell>
          <cell r="T521">
            <v>0</v>
          </cell>
          <cell r="U521">
            <v>0</v>
          </cell>
          <cell r="V521">
            <v>0</v>
          </cell>
          <cell r="W521">
            <v>0</v>
          </cell>
        </row>
        <row r="522">
          <cell r="A522" t="str">
            <v>PMI_hedge_%</v>
          </cell>
          <cell r="G522">
            <v>1.1200975352797957E-4</v>
          </cell>
          <cell r="H522">
            <v>1.2991768611104001E-4</v>
          </cell>
          <cell r="I522">
            <v>1.209637198195098E-4</v>
          </cell>
          <cell r="J522">
            <v>1.209637198195098E-4</v>
          </cell>
          <cell r="K522">
            <v>1.209637198195098E-4</v>
          </cell>
          <cell r="L522">
            <v>1.209637198195098E-4</v>
          </cell>
          <cell r="M522">
            <v>1.209637198195098E-4</v>
          </cell>
          <cell r="N522">
            <v>1.209637198195098E-4</v>
          </cell>
          <cell r="O522">
            <v>1.209637198195098E-4</v>
          </cell>
          <cell r="P522">
            <v>1.209637198195098E-4</v>
          </cell>
          <cell r="Q522">
            <v>1.209637198195098E-4</v>
          </cell>
          <cell r="R522">
            <v>1.209637198195098E-4</v>
          </cell>
          <cell r="S522">
            <v>1.209637198195098E-4</v>
          </cell>
          <cell r="T522">
            <v>1.209637198195098E-4</v>
          </cell>
          <cell r="U522">
            <v>1.209637198195098E-4</v>
          </cell>
          <cell r="V522">
            <v>1.209637198195098E-4</v>
          </cell>
          <cell r="W522">
            <v>1.209637198195098E-4</v>
          </cell>
        </row>
        <row r="523">
          <cell r="A523" t="str">
            <v>ENT_hedge_%</v>
          </cell>
          <cell r="G523">
            <v>0</v>
          </cell>
          <cell r="H523">
            <v>0</v>
          </cell>
          <cell r="I523">
            <v>0</v>
          </cell>
          <cell r="J523">
            <v>0</v>
          </cell>
          <cell r="K523">
            <v>0</v>
          </cell>
          <cell r="L523">
            <v>0</v>
          </cell>
          <cell r="M523">
            <v>0</v>
          </cell>
          <cell r="N523">
            <v>0</v>
          </cell>
          <cell r="O523">
            <v>0</v>
          </cell>
          <cell r="P523">
            <v>0</v>
          </cell>
          <cell r="Q523">
            <v>0</v>
          </cell>
          <cell r="R523">
            <v>0</v>
          </cell>
          <cell r="S523">
            <v>0</v>
          </cell>
          <cell r="T523">
            <v>0</v>
          </cell>
          <cell r="U523">
            <v>0</v>
          </cell>
          <cell r="V523">
            <v>0</v>
          </cell>
          <cell r="W523">
            <v>0</v>
          </cell>
        </row>
        <row r="524">
          <cell r="A524" t="str">
            <v>Cor_hedge_%</v>
          </cell>
          <cell r="G524">
            <v>2.1292574416177277E-4</v>
          </cell>
          <cell r="H524">
            <v>5.2085723380568738E-4</v>
          </cell>
          <cell r="I524">
            <v>3.6689148898373007E-4</v>
          </cell>
          <cell r="J524">
            <v>3.6689148898373007E-4</v>
          </cell>
          <cell r="K524">
            <v>3.6689148898373007E-4</v>
          </cell>
          <cell r="L524">
            <v>3.6689148898373007E-4</v>
          </cell>
          <cell r="M524">
            <v>3.6689148898373007E-4</v>
          </cell>
          <cell r="N524">
            <v>3.6689148898373007E-4</v>
          </cell>
          <cell r="O524">
            <v>3.6689148898373007E-4</v>
          </cell>
          <cell r="P524">
            <v>3.6689148898373007E-4</v>
          </cell>
          <cell r="Q524">
            <v>3.6689148898373007E-4</v>
          </cell>
          <cell r="R524">
            <v>3.6689148898373007E-4</v>
          </cell>
          <cell r="S524">
            <v>3.6689148898373007E-4</v>
          </cell>
          <cell r="T524">
            <v>3.6689148898373007E-4</v>
          </cell>
          <cell r="U524">
            <v>3.6689148898373007E-4</v>
          </cell>
          <cell r="V524">
            <v>3.6689148898373007E-4</v>
          </cell>
          <cell r="W524">
            <v>3.6689148898373007E-4</v>
          </cell>
        </row>
        <row r="525">
          <cell r="A525" t="str">
            <v>Gra_hedge_%</v>
          </cell>
          <cell r="G525">
            <v>1.08917930872548E-4</v>
          </cell>
          <cell r="H525">
            <v>1.0539963830795054E-5</v>
          </cell>
          <cell r="I525">
            <v>5.9728947351671531E-5</v>
          </cell>
          <cell r="J525">
            <v>5.9728947351671531E-5</v>
          </cell>
          <cell r="K525">
            <v>5.9728947351671531E-5</v>
          </cell>
          <cell r="L525">
            <v>5.9728947351671531E-5</v>
          </cell>
          <cell r="M525">
            <v>5.9728947351671531E-5</v>
          </cell>
          <cell r="N525">
            <v>5.9728947351671531E-5</v>
          </cell>
          <cell r="O525">
            <v>5.9728947351671531E-5</v>
          </cell>
          <cell r="P525">
            <v>5.9728947351671531E-5</v>
          </cell>
          <cell r="Q525">
            <v>5.9728947351671531E-5</v>
          </cell>
          <cell r="R525">
            <v>5.9728947351671531E-5</v>
          </cell>
          <cell r="S525">
            <v>5.9728947351671531E-5</v>
          </cell>
          <cell r="T525">
            <v>5.9728947351671531E-5</v>
          </cell>
          <cell r="U525">
            <v>5.9728947351671531E-5</v>
          </cell>
          <cell r="V525">
            <v>5.9728947351671531E-5</v>
          </cell>
          <cell r="W525">
            <v>5.9728947351671531E-5</v>
          </cell>
        </row>
        <row r="526">
          <cell r="A526" t="str">
            <v>FEX_hedge_%</v>
          </cell>
          <cell r="G526">
            <v>0</v>
          </cell>
          <cell r="H526">
            <v>0</v>
          </cell>
          <cell r="I526">
            <v>0</v>
          </cell>
          <cell r="J526">
            <v>0</v>
          </cell>
          <cell r="K526">
            <v>0</v>
          </cell>
          <cell r="L526">
            <v>0</v>
          </cell>
          <cell r="M526">
            <v>0</v>
          </cell>
          <cell r="N526">
            <v>0</v>
          </cell>
          <cell r="O526">
            <v>0</v>
          </cell>
          <cell r="P526">
            <v>0</v>
          </cell>
          <cell r="Q526">
            <v>0</v>
          </cell>
          <cell r="R526">
            <v>0</v>
          </cell>
          <cell r="S526">
            <v>0</v>
          </cell>
          <cell r="T526">
            <v>0</v>
          </cell>
          <cell r="U526">
            <v>0</v>
          </cell>
          <cell r="V526">
            <v>0</v>
          </cell>
          <cell r="W526">
            <v>0</v>
          </cell>
        </row>
        <row r="527">
          <cell r="A527" t="str">
            <v>MCL_hedge_%</v>
          </cell>
          <cell r="G527">
            <v>0</v>
          </cell>
          <cell r="H527">
            <v>0</v>
          </cell>
          <cell r="I527">
            <v>0</v>
          </cell>
          <cell r="J527">
            <v>0</v>
          </cell>
          <cell r="K527">
            <v>0</v>
          </cell>
          <cell r="L527">
            <v>0</v>
          </cell>
          <cell r="M527">
            <v>0</v>
          </cell>
          <cell r="N527">
            <v>0</v>
          </cell>
          <cell r="O527">
            <v>0</v>
          </cell>
          <cell r="P527">
            <v>0</v>
          </cell>
          <cell r="Q527">
            <v>0</v>
          </cell>
          <cell r="R527">
            <v>0</v>
          </cell>
          <cell r="S527">
            <v>0</v>
          </cell>
          <cell r="T527">
            <v>0</v>
          </cell>
          <cell r="U527">
            <v>0</v>
          </cell>
          <cell r="V527">
            <v>0</v>
          </cell>
          <cell r="W527">
            <v>0</v>
          </cell>
        </row>
        <row r="528">
          <cell r="A528" t="str">
            <v>MCG_hedge_%</v>
          </cell>
          <cell r="G528">
            <v>0</v>
          </cell>
          <cell r="H528">
            <v>0</v>
          </cell>
          <cell r="I528">
            <v>0</v>
          </cell>
          <cell r="J528">
            <v>0</v>
          </cell>
          <cell r="K528">
            <v>0</v>
          </cell>
          <cell r="L528">
            <v>0</v>
          </cell>
          <cell r="M528">
            <v>0</v>
          </cell>
          <cell r="N528">
            <v>0</v>
          </cell>
          <cell r="O528">
            <v>0</v>
          </cell>
          <cell r="P528">
            <v>0</v>
          </cell>
          <cell r="Q528">
            <v>0</v>
          </cell>
          <cell r="R528">
            <v>0</v>
          </cell>
          <cell r="S528">
            <v>0</v>
          </cell>
          <cell r="T528">
            <v>0</v>
          </cell>
          <cell r="U528">
            <v>0</v>
          </cell>
          <cell r="V528">
            <v>0</v>
          </cell>
          <cell r="W528">
            <v>0</v>
          </cell>
        </row>
        <row r="529">
          <cell r="A529" t="str">
            <v>MLE_hedge_%</v>
          </cell>
          <cell r="G529">
            <v>0</v>
          </cell>
          <cell r="H529">
            <v>0</v>
          </cell>
          <cell r="I529">
            <v>0</v>
          </cell>
          <cell r="J529">
            <v>0</v>
          </cell>
          <cell r="K529">
            <v>0</v>
          </cell>
          <cell r="L529">
            <v>0</v>
          </cell>
          <cell r="M529">
            <v>0</v>
          </cell>
          <cell r="N529">
            <v>0</v>
          </cell>
          <cell r="O529">
            <v>0</v>
          </cell>
          <cell r="P529">
            <v>0</v>
          </cell>
          <cell r="Q529">
            <v>0</v>
          </cell>
          <cell r="R529">
            <v>0</v>
          </cell>
          <cell r="S529">
            <v>0</v>
          </cell>
          <cell r="T529">
            <v>0</v>
          </cell>
          <cell r="U529">
            <v>0</v>
          </cell>
          <cell r="V529">
            <v>0</v>
          </cell>
          <cell r="W529">
            <v>0</v>
          </cell>
        </row>
        <row r="530">
          <cell r="A530" t="str">
            <v>MFA_hedge_%</v>
          </cell>
          <cell r="G530">
            <v>0</v>
          </cell>
          <cell r="H530">
            <v>0</v>
          </cell>
          <cell r="I530">
            <v>0</v>
          </cell>
          <cell r="J530">
            <v>0</v>
          </cell>
          <cell r="K530">
            <v>0</v>
          </cell>
          <cell r="L530">
            <v>0</v>
          </cell>
          <cell r="M530">
            <v>0</v>
          </cell>
          <cell r="N530">
            <v>0</v>
          </cell>
          <cell r="O530">
            <v>0</v>
          </cell>
          <cell r="P530">
            <v>0</v>
          </cell>
          <cell r="Q530">
            <v>0</v>
          </cell>
          <cell r="R530">
            <v>0</v>
          </cell>
          <cell r="S530">
            <v>0</v>
          </cell>
          <cell r="T530">
            <v>0</v>
          </cell>
          <cell r="U530">
            <v>0</v>
          </cell>
          <cell r="V530">
            <v>0</v>
          </cell>
          <cell r="W530">
            <v>0</v>
          </cell>
        </row>
        <row r="531">
          <cell r="A531" t="str">
            <v>MBQ_hedge_%</v>
          </cell>
          <cell r="G531">
            <v>0</v>
          </cell>
          <cell r="H531">
            <v>0</v>
          </cell>
          <cell r="I531">
            <v>0</v>
          </cell>
          <cell r="J531">
            <v>0</v>
          </cell>
          <cell r="K531">
            <v>0</v>
          </cell>
          <cell r="L531">
            <v>0</v>
          </cell>
          <cell r="M531">
            <v>0</v>
          </cell>
          <cell r="N531">
            <v>0</v>
          </cell>
          <cell r="O531">
            <v>0</v>
          </cell>
          <cell r="P531">
            <v>0</v>
          </cell>
          <cell r="Q531">
            <v>0</v>
          </cell>
          <cell r="R531">
            <v>0</v>
          </cell>
          <cell r="S531">
            <v>0</v>
          </cell>
          <cell r="T531">
            <v>0</v>
          </cell>
          <cell r="U531">
            <v>0</v>
          </cell>
          <cell r="V531">
            <v>0</v>
          </cell>
          <cell r="W531">
            <v>0</v>
          </cell>
        </row>
        <row r="532">
          <cell r="A532" t="str">
            <v>MBG_hedge_%</v>
          </cell>
          <cell r="G532">
            <v>0</v>
          </cell>
          <cell r="H532">
            <v>0</v>
          </cell>
          <cell r="I532">
            <v>0</v>
          </cell>
          <cell r="J532">
            <v>0</v>
          </cell>
          <cell r="K532">
            <v>0</v>
          </cell>
          <cell r="L532">
            <v>0</v>
          </cell>
          <cell r="M532">
            <v>0</v>
          </cell>
          <cell r="N532">
            <v>0</v>
          </cell>
          <cell r="O532">
            <v>0</v>
          </cell>
          <cell r="P532">
            <v>0</v>
          </cell>
          <cell r="Q532">
            <v>0</v>
          </cell>
          <cell r="R532">
            <v>0</v>
          </cell>
          <cell r="S532">
            <v>0</v>
          </cell>
          <cell r="T532">
            <v>0</v>
          </cell>
          <cell r="U532">
            <v>0</v>
          </cell>
          <cell r="V532">
            <v>0</v>
          </cell>
          <cell r="W532">
            <v>0</v>
          </cell>
        </row>
        <row r="533">
          <cell r="A533" t="str">
            <v>WID_hedge_%</v>
          </cell>
          <cell r="G533">
            <v>0</v>
          </cell>
          <cell r="H533">
            <v>0</v>
          </cell>
          <cell r="I533">
            <v>0</v>
          </cell>
          <cell r="J533">
            <v>0</v>
          </cell>
          <cell r="K533">
            <v>0</v>
          </cell>
          <cell r="L533">
            <v>0</v>
          </cell>
          <cell r="M533">
            <v>0</v>
          </cell>
          <cell r="N533">
            <v>0</v>
          </cell>
          <cell r="O533">
            <v>0</v>
          </cell>
          <cell r="P533">
            <v>0</v>
          </cell>
          <cell r="Q533">
            <v>0</v>
          </cell>
          <cell r="R533">
            <v>0</v>
          </cell>
          <cell r="S533">
            <v>0</v>
          </cell>
          <cell r="T533">
            <v>0</v>
          </cell>
          <cell r="U533">
            <v>0</v>
          </cell>
          <cell r="V533">
            <v>0</v>
          </cell>
          <cell r="W533">
            <v>0</v>
          </cell>
        </row>
        <row r="534">
          <cell r="A534" t="str">
            <v>FIN_hedge_%</v>
          </cell>
          <cell r="G534">
            <v>0</v>
          </cell>
          <cell r="H534">
            <v>0</v>
          </cell>
          <cell r="I534">
            <v>0</v>
          </cell>
          <cell r="J534">
            <v>0</v>
          </cell>
          <cell r="K534">
            <v>0</v>
          </cell>
          <cell r="L534">
            <v>0</v>
          </cell>
          <cell r="M534">
            <v>0</v>
          </cell>
          <cell r="N534">
            <v>0</v>
          </cell>
          <cell r="O534">
            <v>0</v>
          </cell>
          <cell r="P534">
            <v>0</v>
          </cell>
          <cell r="Q534">
            <v>0</v>
          </cell>
          <cell r="R534">
            <v>0</v>
          </cell>
          <cell r="S534">
            <v>0</v>
          </cell>
          <cell r="T534">
            <v>0</v>
          </cell>
          <cell r="U534">
            <v>0</v>
          </cell>
          <cell r="V534">
            <v>0</v>
          </cell>
          <cell r="W534">
            <v>0</v>
          </cell>
        </row>
        <row r="535">
          <cell r="A535" t="str">
            <v>ALM_hedge_%</v>
          </cell>
          <cell r="G535">
            <v>0</v>
          </cell>
          <cell r="H535">
            <v>0</v>
          </cell>
          <cell r="I535">
            <v>0</v>
          </cell>
          <cell r="J535">
            <v>0</v>
          </cell>
          <cell r="K535">
            <v>0</v>
          </cell>
          <cell r="L535">
            <v>0</v>
          </cell>
          <cell r="M535">
            <v>0</v>
          </cell>
          <cell r="N535">
            <v>0</v>
          </cell>
          <cell r="O535">
            <v>0</v>
          </cell>
          <cell r="P535">
            <v>0</v>
          </cell>
          <cell r="Q535">
            <v>0</v>
          </cell>
          <cell r="R535">
            <v>0</v>
          </cell>
          <cell r="S535">
            <v>0</v>
          </cell>
          <cell r="T535">
            <v>0</v>
          </cell>
          <cell r="U535">
            <v>0</v>
          </cell>
          <cell r="V535">
            <v>0</v>
          </cell>
          <cell r="W535">
            <v>0</v>
          </cell>
        </row>
        <row r="536">
          <cell r="A536" t="str">
            <v>FUO_hedge_%</v>
          </cell>
          <cell r="G536">
            <v>0</v>
          </cell>
          <cell r="H536">
            <v>0</v>
          </cell>
          <cell r="I536">
            <v>0</v>
          </cell>
          <cell r="J536">
            <v>0</v>
          </cell>
          <cell r="K536">
            <v>0</v>
          </cell>
          <cell r="L536">
            <v>0</v>
          </cell>
          <cell r="M536">
            <v>0</v>
          </cell>
          <cell r="N536">
            <v>0</v>
          </cell>
          <cell r="O536">
            <v>0</v>
          </cell>
          <cell r="P536">
            <v>0</v>
          </cell>
          <cell r="Q536">
            <v>0</v>
          </cell>
          <cell r="R536">
            <v>0</v>
          </cell>
          <cell r="S536">
            <v>0</v>
          </cell>
          <cell r="T536">
            <v>0</v>
          </cell>
          <cell r="U536">
            <v>0</v>
          </cell>
          <cell r="V536">
            <v>0</v>
          </cell>
          <cell r="W536">
            <v>0</v>
          </cell>
        </row>
        <row r="537">
          <cell r="A537" t="str">
            <v>XXX_hedge_%</v>
          </cell>
          <cell r="G537">
            <v>0</v>
          </cell>
          <cell r="H537">
            <v>0</v>
          </cell>
          <cell r="I537">
            <v>0</v>
          </cell>
          <cell r="J537">
            <v>0</v>
          </cell>
          <cell r="K537">
            <v>0</v>
          </cell>
          <cell r="L537">
            <v>0</v>
          </cell>
          <cell r="M537">
            <v>0</v>
          </cell>
          <cell r="N537">
            <v>0</v>
          </cell>
          <cell r="O537">
            <v>0</v>
          </cell>
          <cell r="P537">
            <v>0</v>
          </cell>
          <cell r="Q537">
            <v>0</v>
          </cell>
          <cell r="R537">
            <v>0</v>
          </cell>
          <cell r="S537">
            <v>0</v>
          </cell>
          <cell r="T537">
            <v>0</v>
          </cell>
          <cell r="U537">
            <v>0</v>
          </cell>
          <cell r="V537">
            <v>0</v>
          </cell>
          <cell r="W537">
            <v>0</v>
          </cell>
        </row>
        <row r="538">
          <cell r="G538">
            <v>0</v>
          </cell>
          <cell r="H538">
            <v>0</v>
          </cell>
          <cell r="I538">
            <v>0</v>
          </cell>
          <cell r="J538">
            <v>0</v>
          </cell>
          <cell r="K538">
            <v>0</v>
          </cell>
          <cell r="L538">
            <v>0</v>
          </cell>
          <cell r="M538">
            <v>0</v>
          </cell>
          <cell r="N538">
            <v>0</v>
          </cell>
          <cell r="O538">
            <v>0</v>
          </cell>
          <cell r="P538">
            <v>0</v>
          </cell>
          <cell r="Q538">
            <v>0</v>
          </cell>
          <cell r="R538">
            <v>0</v>
          </cell>
          <cell r="S538">
            <v>0</v>
          </cell>
          <cell r="T538">
            <v>0</v>
          </cell>
          <cell r="U538">
            <v>0</v>
          </cell>
          <cell r="V538">
            <v>0</v>
          </cell>
          <cell r="W538">
            <v>0</v>
          </cell>
        </row>
        <row r="539">
          <cell r="A539" t="str">
            <v>Val_I_bt_%</v>
          </cell>
          <cell r="G539">
            <v>1.4655584439473806E-4</v>
          </cell>
          <cell r="H539">
            <v>3.1156150264435281E-4</v>
          </cell>
          <cell r="I539">
            <v>2.2905867351954545E-4</v>
          </cell>
          <cell r="J539">
            <v>2.2905867351954545E-4</v>
          </cell>
          <cell r="K539">
            <v>2.2905867351954545E-4</v>
          </cell>
          <cell r="L539">
            <v>2.2905867351954545E-4</v>
          </cell>
          <cell r="M539">
            <v>2.2905867351954545E-4</v>
          </cell>
          <cell r="N539">
            <v>2.2905867351954545E-4</v>
          </cell>
          <cell r="O539">
            <v>2.2905867351954545E-4</v>
          </cell>
          <cell r="P539">
            <v>2.2905867351954545E-4</v>
          </cell>
          <cell r="Q539">
            <v>2.2905867351954545E-4</v>
          </cell>
          <cell r="R539">
            <v>2.2905867351954545E-4</v>
          </cell>
          <cell r="S539">
            <v>2.2905867351954545E-4</v>
          </cell>
          <cell r="T539">
            <v>2.2905867351954545E-4</v>
          </cell>
          <cell r="U539">
            <v>2.2905867351954545E-4</v>
          </cell>
          <cell r="V539">
            <v>2.2905867351954545E-4</v>
          </cell>
          <cell r="W539">
            <v>2.2905867351954545E-4</v>
          </cell>
          <cell r="Y539">
            <v>0</v>
          </cell>
          <cell r="Z539">
            <v>0</v>
          </cell>
        </row>
        <row r="540">
          <cell r="A540" t="str">
            <v>Pre_I_bt_%</v>
          </cell>
          <cell r="G540">
            <v>1.674108042661975E-4</v>
          </cell>
          <cell r="H540">
            <v>2.5263411887428053E-3</v>
          </cell>
          <cell r="I540">
            <v>1.3468759965045015E-3</v>
          </cell>
          <cell r="J540">
            <v>1.3468759965045015E-3</v>
          </cell>
          <cell r="K540">
            <v>1.3468759965045015E-3</v>
          </cell>
          <cell r="L540">
            <v>1.3468759965045015E-3</v>
          </cell>
          <cell r="M540">
            <v>1.3468759965045015E-3</v>
          </cell>
          <cell r="N540">
            <v>1.3468759965045015E-3</v>
          </cell>
          <cell r="O540">
            <v>1.3468759965045015E-3</v>
          </cell>
          <cell r="P540">
            <v>1.3468759965045015E-3</v>
          </cell>
          <cell r="Q540">
            <v>1.3468759965045015E-3</v>
          </cell>
          <cell r="R540">
            <v>1.3468759965045015E-3</v>
          </cell>
          <cell r="S540">
            <v>1.3468759965045015E-3</v>
          </cell>
          <cell r="T540">
            <v>1.3468759965045015E-3</v>
          </cell>
          <cell r="U540">
            <v>1.3468759965045015E-3</v>
          </cell>
          <cell r="V540">
            <v>1.3468759965045015E-3</v>
          </cell>
          <cell r="W540">
            <v>1.3468759965045015E-3</v>
          </cell>
        </row>
        <row r="541">
          <cell r="A541" t="str">
            <v>Sma_I_bt_%</v>
          </cell>
          <cell r="G541">
            <v>9.483953536920239E-4</v>
          </cell>
          <cell r="H541">
            <v>2.3655193076388722E-3</v>
          </cell>
          <cell r="I541">
            <v>1.6569573306654481E-3</v>
          </cell>
          <cell r="J541">
            <v>1.6569573306654481E-3</v>
          </cell>
          <cell r="K541">
            <v>1.6569573306654481E-3</v>
          </cell>
          <cell r="L541">
            <v>1.6569573306654481E-3</v>
          </cell>
          <cell r="M541">
            <v>1.6569573306654481E-3</v>
          </cell>
          <cell r="N541">
            <v>1.6569573306654481E-3</v>
          </cell>
          <cell r="O541">
            <v>1.6569573306654481E-3</v>
          </cell>
          <cell r="P541">
            <v>1.6569573306654481E-3</v>
          </cell>
          <cell r="Q541">
            <v>1.6569573306654481E-3</v>
          </cell>
          <cell r="R541">
            <v>1.6569573306654481E-3</v>
          </cell>
          <cell r="S541">
            <v>1.6569573306654481E-3</v>
          </cell>
          <cell r="T541">
            <v>1.6569573306654481E-3</v>
          </cell>
          <cell r="U541">
            <v>1.6569573306654481E-3</v>
          </cell>
          <cell r="V541">
            <v>1.6569573306654481E-3</v>
          </cell>
          <cell r="W541">
            <v>1.6569573306654481E-3</v>
          </cell>
        </row>
        <row r="542">
          <cell r="A542" t="str">
            <v>Pri_I_bt_%</v>
          </cell>
          <cell r="G542">
            <v>1.6027096217987676E-5</v>
          </cell>
          <cell r="H542">
            <v>1.1184333009110537E-3</v>
          </cell>
          <cell r="I542">
            <v>5.6723019856452068E-4</v>
          </cell>
          <cell r="J542">
            <v>5.6723019856452068E-4</v>
          </cell>
          <cell r="K542">
            <v>5.6723019856452068E-4</v>
          </cell>
          <cell r="L542">
            <v>5.6723019856452068E-4</v>
          </cell>
          <cell r="M542">
            <v>5.6723019856452068E-4</v>
          </cell>
          <cell r="N542">
            <v>5.6723019856452068E-4</v>
          </cell>
          <cell r="O542">
            <v>5.6723019856452068E-4</v>
          </cell>
          <cell r="P542">
            <v>5.6723019856452068E-4</v>
          </cell>
          <cell r="Q542">
            <v>5.6723019856452068E-4</v>
          </cell>
          <cell r="R542">
            <v>5.6723019856452068E-4</v>
          </cell>
          <cell r="S542">
            <v>5.6723019856452068E-4</v>
          </cell>
          <cell r="T542">
            <v>5.6723019856452068E-4</v>
          </cell>
          <cell r="U542">
            <v>5.6723019856452068E-4</v>
          </cell>
          <cell r="V542">
            <v>5.6723019856452068E-4</v>
          </cell>
          <cell r="W542">
            <v>5.6723019856452068E-4</v>
          </cell>
        </row>
        <row r="543">
          <cell r="A543" t="str">
            <v>Fam_I_bt_%</v>
          </cell>
          <cell r="G543">
            <v>0</v>
          </cell>
          <cell r="H543">
            <v>0</v>
          </cell>
          <cell r="I543">
            <v>0</v>
          </cell>
          <cell r="J543">
            <v>0</v>
          </cell>
          <cell r="K543">
            <v>0</v>
          </cell>
          <cell r="L543">
            <v>0</v>
          </cell>
          <cell r="M543">
            <v>0</v>
          </cell>
          <cell r="N543">
            <v>0</v>
          </cell>
          <cell r="O543">
            <v>0</v>
          </cell>
          <cell r="P543">
            <v>0</v>
          </cell>
          <cell r="Q543">
            <v>0</v>
          </cell>
          <cell r="R543">
            <v>0</v>
          </cell>
          <cell r="S543">
            <v>0</v>
          </cell>
          <cell r="T543">
            <v>0</v>
          </cell>
          <cell r="U543">
            <v>0</v>
          </cell>
          <cell r="V543">
            <v>0</v>
          </cell>
          <cell r="W543">
            <v>0</v>
          </cell>
        </row>
        <row r="544">
          <cell r="A544" t="str">
            <v>PMI_I_bt_%</v>
          </cell>
          <cell r="G544">
            <v>3.513811984804827E-4</v>
          </cell>
          <cell r="H544">
            <v>4.8293892464991596E-4</v>
          </cell>
          <cell r="I544">
            <v>4.1716006156519931E-4</v>
          </cell>
          <cell r="J544">
            <v>4.1716006156519931E-4</v>
          </cell>
          <cell r="K544">
            <v>4.1716006156519931E-4</v>
          </cell>
          <cell r="L544">
            <v>4.1716006156519931E-4</v>
          </cell>
          <cell r="M544">
            <v>4.1716006156519931E-4</v>
          </cell>
          <cell r="N544">
            <v>4.1716006156519931E-4</v>
          </cell>
          <cell r="O544">
            <v>4.1716006156519931E-4</v>
          </cell>
          <cell r="P544">
            <v>4.1716006156519931E-4</v>
          </cell>
          <cell r="Q544">
            <v>4.1716006156519931E-4</v>
          </cell>
          <cell r="R544">
            <v>4.1716006156519931E-4</v>
          </cell>
          <cell r="S544">
            <v>4.1716006156519931E-4</v>
          </cell>
          <cell r="T544">
            <v>4.1716006156519931E-4</v>
          </cell>
          <cell r="U544">
            <v>4.1716006156519931E-4</v>
          </cell>
          <cell r="V544">
            <v>4.1716006156519931E-4</v>
          </cell>
          <cell r="W544">
            <v>4.1716006156519931E-4</v>
          </cell>
        </row>
        <row r="545">
          <cell r="A545" t="str">
            <v>ENT_I_bt_%</v>
          </cell>
          <cell r="G545">
            <v>1.4931309300211026E-4</v>
          </cell>
          <cell r="H545">
            <v>2.1285666878907866E-3</v>
          </cell>
          <cell r="I545">
            <v>1.1389398904464484E-3</v>
          </cell>
          <cell r="J545">
            <v>1.1389398904464484E-3</v>
          </cell>
          <cell r="K545">
            <v>1.1389398904464484E-3</v>
          </cell>
          <cell r="L545">
            <v>1.1389398904464484E-3</v>
          </cell>
          <cell r="M545">
            <v>1.1389398904464484E-3</v>
          </cell>
          <cell r="N545">
            <v>1.1389398904464484E-3</v>
          </cell>
          <cell r="O545">
            <v>1.1389398904464484E-3</v>
          </cell>
          <cell r="P545">
            <v>1.1389398904464484E-3</v>
          </cell>
          <cell r="Q545">
            <v>1.1389398904464484E-3</v>
          </cell>
          <cell r="R545">
            <v>1.1389398904464484E-3</v>
          </cell>
          <cell r="S545">
            <v>1.1389398904464484E-3</v>
          </cell>
          <cell r="T545">
            <v>1.1389398904464484E-3</v>
          </cell>
          <cell r="U545">
            <v>1.1389398904464484E-3</v>
          </cell>
          <cell r="V545">
            <v>1.1389398904464484E-3</v>
          </cell>
          <cell r="W545">
            <v>1.1389398904464484E-3</v>
          </cell>
        </row>
        <row r="546">
          <cell r="A546" t="str">
            <v>Cor_I_bt_%</v>
          </cell>
          <cell r="G546">
            <v>1.8503134017447661E-4</v>
          </cell>
          <cell r="H546">
            <v>1.1734409529520168E-3</v>
          </cell>
          <cell r="I546">
            <v>6.7923614656324673E-4</v>
          </cell>
          <cell r="J546">
            <v>6.7923614656324673E-4</v>
          </cell>
          <cell r="K546">
            <v>6.7923614656324673E-4</v>
          </cell>
          <cell r="L546">
            <v>6.7923614656324673E-4</v>
          </cell>
          <cell r="M546">
            <v>6.7923614656324673E-4</v>
          </cell>
          <cell r="N546">
            <v>6.7923614656324673E-4</v>
          </cell>
          <cell r="O546">
            <v>6.7923614656324673E-4</v>
          </cell>
          <cell r="P546">
            <v>6.7923614656324673E-4</v>
          </cell>
          <cell r="Q546">
            <v>6.7923614656324673E-4</v>
          </cell>
          <cell r="R546">
            <v>6.7923614656324673E-4</v>
          </cell>
          <cell r="S546">
            <v>6.7923614656324673E-4</v>
          </cell>
          <cell r="T546">
            <v>6.7923614656324673E-4</v>
          </cell>
          <cell r="U546">
            <v>6.7923614656324673E-4</v>
          </cell>
          <cell r="V546">
            <v>6.7923614656324673E-4</v>
          </cell>
          <cell r="W546">
            <v>6.7923614656324673E-4</v>
          </cell>
        </row>
        <row r="547">
          <cell r="A547" t="str">
            <v>Gra_I_bt_%</v>
          </cell>
          <cell r="G547">
            <v>3.6691441946120574E-3</v>
          </cell>
          <cell r="H547">
            <v>7.1302912554419007E-3</v>
          </cell>
          <cell r="I547">
            <v>5.3997177250269795E-3</v>
          </cell>
          <cell r="J547">
            <v>5.3997177250269795E-3</v>
          </cell>
          <cell r="K547">
            <v>5.3997177250269795E-3</v>
          </cell>
          <cell r="L547">
            <v>5.3997177250269795E-3</v>
          </cell>
          <cell r="M547">
            <v>5.3997177250269795E-3</v>
          </cell>
          <cell r="N547">
            <v>5.3997177250269795E-3</v>
          </cell>
          <cell r="O547">
            <v>5.3997177250269795E-3</v>
          </cell>
          <cell r="P547">
            <v>5.3997177250269795E-3</v>
          </cell>
          <cell r="Q547">
            <v>5.3997177250269795E-3</v>
          </cell>
          <cell r="R547">
            <v>5.3997177250269795E-3</v>
          </cell>
          <cell r="S547">
            <v>5.3997177250269795E-3</v>
          </cell>
          <cell r="T547">
            <v>5.3997177250269795E-3</v>
          </cell>
          <cell r="U547">
            <v>5.3997177250269795E-3</v>
          </cell>
          <cell r="V547">
            <v>5.3997177250269795E-3</v>
          </cell>
          <cell r="W547">
            <v>5.3997177250269795E-3</v>
          </cell>
        </row>
        <row r="548">
          <cell r="A548" t="str">
            <v>FEX_I_bt_%</v>
          </cell>
          <cell r="G548">
            <v>0</v>
          </cell>
          <cell r="H548">
            <v>0</v>
          </cell>
          <cell r="I548">
            <v>0</v>
          </cell>
          <cell r="J548">
            <v>0</v>
          </cell>
          <cell r="K548">
            <v>0</v>
          </cell>
          <cell r="L548">
            <v>0</v>
          </cell>
          <cell r="M548">
            <v>0</v>
          </cell>
          <cell r="N548">
            <v>0</v>
          </cell>
          <cell r="O548">
            <v>0</v>
          </cell>
          <cell r="P548">
            <v>0</v>
          </cell>
          <cell r="Q548">
            <v>0</v>
          </cell>
          <cell r="R548">
            <v>0</v>
          </cell>
          <cell r="S548">
            <v>0</v>
          </cell>
          <cell r="T548">
            <v>0</v>
          </cell>
          <cell r="U548">
            <v>0</v>
          </cell>
          <cell r="V548">
            <v>0</v>
          </cell>
          <cell r="W548">
            <v>0</v>
          </cell>
        </row>
        <row r="549">
          <cell r="A549" t="str">
            <v>MCL_I_bt_%</v>
          </cell>
          <cell r="G549">
            <v>0</v>
          </cell>
          <cell r="H549">
            <v>0</v>
          </cell>
          <cell r="I549">
            <v>0</v>
          </cell>
          <cell r="J549">
            <v>0</v>
          </cell>
          <cell r="K549">
            <v>0</v>
          </cell>
          <cell r="L549">
            <v>0</v>
          </cell>
          <cell r="M549">
            <v>0</v>
          </cell>
          <cell r="N549">
            <v>0</v>
          </cell>
          <cell r="O549">
            <v>0</v>
          </cell>
          <cell r="P549">
            <v>0</v>
          </cell>
          <cell r="Q549">
            <v>0</v>
          </cell>
          <cell r="R549">
            <v>0</v>
          </cell>
          <cell r="S549">
            <v>0</v>
          </cell>
          <cell r="T549">
            <v>0</v>
          </cell>
          <cell r="U549">
            <v>0</v>
          </cell>
          <cell r="V549">
            <v>0</v>
          </cell>
          <cell r="W549">
            <v>0</v>
          </cell>
        </row>
        <row r="550">
          <cell r="A550" t="str">
            <v>MCG_I_bt_%</v>
          </cell>
          <cell r="G550">
            <v>0</v>
          </cell>
          <cell r="H550">
            <v>0</v>
          </cell>
          <cell r="I550">
            <v>0</v>
          </cell>
          <cell r="J550">
            <v>0</v>
          </cell>
          <cell r="K550">
            <v>0</v>
          </cell>
          <cell r="L550">
            <v>0</v>
          </cell>
          <cell r="M550">
            <v>0</v>
          </cell>
          <cell r="N550">
            <v>0</v>
          </cell>
          <cell r="O550">
            <v>0</v>
          </cell>
          <cell r="P550">
            <v>0</v>
          </cell>
          <cell r="Q550">
            <v>0</v>
          </cell>
          <cell r="R550">
            <v>0</v>
          </cell>
          <cell r="S550">
            <v>0</v>
          </cell>
          <cell r="T550">
            <v>0</v>
          </cell>
          <cell r="U550">
            <v>0</v>
          </cell>
          <cell r="V550">
            <v>0</v>
          </cell>
          <cell r="W550">
            <v>0</v>
          </cell>
        </row>
        <row r="551">
          <cell r="A551" t="str">
            <v>MLE_I_bt_%</v>
          </cell>
          <cell r="G551">
            <v>0</v>
          </cell>
          <cell r="H551">
            <v>0</v>
          </cell>
          <cell r="I551">
            <v>0</v>
          </cell>
          <cell r="J551">
            <v>0</v>
          </cell>
          <cell r="K551">
            <v>0</v>
          </cell>
          <cell r="L551">
            <v>0</v>
          </cell>
          <cell r="M551">
            <v>0</v>
          </cell>
          <cell r="N551">
            <v>0</v>
          </cell>
          <cell r="O551">
            <v>0</v>
          </cell>
          <cell r="P551">
            <v>0</v>
          </cell>
          <cell r="Q551">
            <v>0</v>
          </cell>
          <cell r="R551">
            <v>0</v>
          </cell>
          <cell r="S551">
            <v>0</v>
          </cell>
          <cell r="T551">
            <v>0</v>
          </cell>
          <cell r="U551">
            <v>0</v>
          </cell>
          <cell r="V551">
            <v>0</v>
          </cell>
          <cell r="W551">
            <v>0</v>
          </cell>
        </row>
        <row r="552">
          <cell r="A552" t="str">
            <v>MFA_I_bt_%</v>
          </cell>
          <cell r="G552">
            <v>2.0637670912708539E-3</v>
          </cell>
          <cell r="H552">
            <v>1.865095152221164E-3</v>
          </cell>
          <cell r="I552">
            <v>1.9644311217460091E-3</v>
          </cell>
          <cell r="J552">
            <v>1.9644311217460091E-3</v>
          </cell>
          <cell r="K552">
            <v>1.9644311217460091E-3</v>
          </cell>
          <cell r="L552">
            <v>1.9644311217460091E-3</v>
          </cell>
          <cell r="M552">
            <v>1.9644311217460091E-3</v>
          </cell>
          <cell r="N552">
            <v>1.9644311217460091E-3</v>
          </cell>
          <cell r="O552">
            <v>1.9644311217460091E-3</v>
          </cell>
          <cell r="P552">
            <v>1.9644311217460091E-3</v>
          </cell>
          <cell r="Q552">
            <v>1.9644311217460091E-3</v>
          </cell>
          <cell r="R552">
            <v>1.9644311217460091E-3</v>
          </cell>
          <cell r="S552">
            <v>1.9644311217460091E-3</v>
          </cell>
          <cell r="T552">
            <v>1.9644311217460091E-3</v>
          </cell>
          <cell r="U552">
            <v>1.9644311217460091E-3</v>
          </cell>
          <cell r="V552">
            <v>1.9644311217460091E-3</v>
          </cell>
          <cell r="W552">
            <v>1.9644311217460091E-3</v>
          </cell>
        </row>
        <row r="553">
          <cell r="A553" t="str">
            <v>MBQ_I_bt_%</v>
          </cell>
          <cell r="G553">
            <v>0</v>
          </cell>
          <cell r="H553">
            <v>0</v>
          </cell>
          <cell r="I553">
            <v>0</v>
          </cell>
          <cell r="J553">
            <v>0</v>
          </cell>
          <cell r="K553">
            <v>0</v>
          </cell>
          <cell r="L553">
            <v>0</v>
          </cell>
          <cell r="M553">
            <v>0</v>
          </cell>
          <cell r="N553">
            <v>0</v>
          </cell>
          <cell r="O553">
            <v>0</v>
          </cell>
          <cell r="P553">
            <v>0</v>
          </cell>
          <cell r="Q553">
            <v>0</v>
          </cell>
          <cell r="R553">
            <v>0</v>
          </cell>
          <cell r="S553">
            <v>0</v>
          </cell>
          <cell r="T553">
            <v>0</v>
          </cell>
          <cell r="U553">
            <v>0</v>
          </cell>
          <cell r="V553">
            <v>0</v>
          </cell>
          <cell r="W553">
            <v>0</v>
          </cell>
        </row>
        <row r="554">
          <cell r="A554" t="str">
            <v>MBG_I_bt_%</v>
          </cell>
          <cell r="G554">
            <v>0</v>
          </cell>
          <cell r="H554">
            <v>0</v>
          </cell>
          <cell r="I554">
            <v>0</v>
          </cell>
          <cell r="J554">
            <v>0</v>
          </cell>
          <cell r="K554">
            <v>0</v>
          </cell>
          <cell r="L554">
            <v>0</v>
          </cell>
          <cell r="M554">
            <v>0</v>
          </cell>
          <cell r="N554">
            <v>0</v>
          </cell>
          <cell r="O554">
            <v>0</v>
          </cell>
          <cell r="P554">
            <v>0</v>
          </cell>
          <cell r="Q554">
            <v>0</v>
          </cell>
          <cell r="R554">
            <v>0</v>
          </cell>
          <cell r="S554">
            <v>0</v>
          </cell>
          <cell r="T554">
            <v>0</v>
          </cell>
          <cell r="U554">
            <v>0</v>
          </cell>
          <cell r="V554">
            <v>0</v>
          </cell>
          <cell r="W554">
            <v>0</v>
          </cell>
        </row>
        <row r="555">
          <cell r="A555" t="str">
            <v>WID_I_bt_%</v>
          </cell>
          <cell r="G555">
            <v>0</v>
          </cell>
          <cell r="H555">
            <v>0</v>
          </cell>
          <cell r="I555">
            <v>0</v>
          </cell>
          <cell r="J555">
            <v>0</v>
          </cell>
          <cell r="K555">
            <v>0</v>
          </cell>
          <cell r="L555">
            <v>0</v>
          </cell>
          <cell r="M555">
            <v>0</v>
          </cell>
          <cell r="N555">
            <v>0</v>
          </cell>
          <cell r="O555">
            <v>0</v>
          </cell>
          <cell r="P555">
            <v>0</v>
          </cell>
          <cell r="Q555">
            <v>0</v>
          </cell>
          <cell r="R555">
            <v>0</v>
          </cell>
          <cell r="S555">
            <v>0</v>
          </cell>
          <cell r="T555">
            <v>0</v>
          </cell>
          <cell r="U555">
            <v>0</v>
          </cell>
          <cell r="V555">
            <v>0</v>
          </cell>
          <cell r="W555">
            <v>0</v>
          </cell>
        </row>
        <row r="556">
          <cell r="A556" t="str">
            <v>FIN_I_bt_%</v>
          </cell>
          <cell r="G556">
            <v>0</v>
          </cell>
          <cell r="H556">
            <v>0</v>
          </cell>
          <cell r="I556">
            <v>0</v>
          </cell>
          <cell r="J556">
            <v>0</v>
          </cell>
          <cell r="K556">
            <v>0</v>
          </cell>
          <cell r="L556">
            <v>0</v>
          </cell>
          <cell r="M556">
            <v>0</v>
          </cell>
          <cell r="N556">
            <v>0</v>
          </cell>
          <cell r="O556">
            <v>0</v>
          </cell>
          <cell r="P556">
            <v>0</v>
          </cell>
          <cell r="Q556">
            <v>0</v>
          </cell>
          <cell r="R556">
            <v>0</v>
          </cell>
          <cell r="S556">
            <v>0</v>
          </cell>
          <cell r="T556">
            <v>0</v>
          </cell>
          <cell r="U556">
            <v>0</v>
          </cell>
          <cell r="V556">
            <v>0</v>
          </cell>
          <cell r="W556">
            <v>0</v>
          </cell>
        </row>
        <row r="557">
          <cell r="A557" t="str">
            <v>ALM_I_bt_%</v>
          </cell>
          <cell r="G557">
            <v>0</v>
          </cell>
          <cell r="H557">
            <v>0</v>
          </cell>
          <cell r="I557">
            <v>0</v>
          </cell>
          <cell r="J557">
            <v>0</v>
          </cell>
          <cell r="K557">
            <v>0</v>
          </cell>
          <cell r="L557">
            <v>0</v>
          </cell>
          <cell r="M557">
            <v>0</v>
          </cell>
          <cell r="N557">
            <v>0</v>
          </cell>
          <cell r="O557">
            <v>0</v>
          </cell>
          <cell r="P557">
            <v>0</v>
          </cell>
          <cell r="Q557">
            <v>0</v>
          </cell>
          <cell r="R557">
            <v>0</v>
          </cell>
          <cell r="S557">
            <v>0</v>
          </cell>
          <cell r="T557">
            <v>0</v>
          </cell>
          <cell r="U557">
            <v>0</v>
          </cell>
          <cell r="V557">
            <v>0</v>
          </cell>
          <cell r="W557">
            <v>0</v>
          </cell>
        </row>
        <row r="558">
          <cell r="A558" t="str">
            <v>FUO_I_bt_%</v>
          </cell>
          <cell r="G558">
            <v>0</v>
          </cell>
          <cell r="H558">
            <v>0</v>
          </cell>
          <cell r="I558">
            <v>0</v>
          </cell>
          <cell r="J558">
            <v>0</v>
          </cell>
          <cell r="K558">
            <v>0</v>
          </cell>
          <cell r="L558">
            <v>0</v>
          </cell>
          <cell r="M558">
            <v>0</v>
          </cell>
          <cell r="N558">
            <v>0</v>
          </cell>
          <cell r="O558">
            <v>0</v>
          </cell>
          <cell r="P558">
            <v>0</v>
          </cell>
          <cell r="Q558">
            <v>0</v>
          </cell>
          <cell r="R558">
            <v>0</v>
          </cell>
          <cell r="S558">
            <v>0</v>
          </cell>
          <cell r="T558">
            <v>0</v>
          </cell>
          <cell r="U558">
            <v>0</v>
          </cell>
          <cell r="V558">
            <v>0</v>
          </cell>
          <cell r="W558">
            <v>0</v>
          </cell>
        </row>
        <row r="559">
          <cell r="A559" t="str">
            <v>XXX_I_bt_%</v>
          </cell>
          <cell r="G559">
            <v>0</v>
          </cell>
          <cell r="H559">
            <v>0</v>
          </cell>
          <cell r="I559">
            <v>0</v>
          </cell>
          <cell r="J559">
            <v>0</v>
          </cell>
          <cell r="K559">
            <v>0</v>
          </cell>
          <cell r="L559">
            <v>0</v>
          </cell>
          <cell r="M559">
            <v>0</v>
          </cell>
          <cell r="N559">
            <v>0</v>
          </cell>
          <cell r="O559">
            <v>0</v>
          </cell>
          <cell r="P559">
            <v>0</v>
          </cell>
          <cell r="Q559">
            <v>0</v>
          </cell>
          <cell r="R559">
            <v>0</v>
          </cell>
          <cell r="S559">
            <v>0</v>
          </cell>
          <cell r="T559">
            <v>0</v>
          </cell>
          <cell r="U559">
            <v>0</v>
          </cell>
          <cell r="V559">
            <v>0</v>
          </cell>
          <cell r="W559">
            <v>0</v>
          </cell>
        </row>
        <row r="560">
          <cell r="G560">
            <v>0</v>
          </cell>
          <cell r="H560">
            <v>0</v>
          </cell>
          <cell r="I560">
            <v>0</v>
          </cell>
          <cell r="J560">
            <v>0</v>
          </cell>
          <cell r="K560">
            <v>0</v>
          </cell>
          <cell r="L560">
            <v>0</v>
          </cell>
          <cell r="M560">
            <v>0</v>
          </cell>
          <cell r="N560">
            <v>0</v>
          </cell>
          <cell r="O560">
            <v>0</v>
          </cell>
          <cell r="P560">
            <v>0</v>
          </cell>
          <cell r="Q560">
            <v>0</v>
          </cell>
          <cell r="R560">
            <v>0</v>
          </cell>
          <cell r="S560">
            <v>0</v>
          </cell>
          <cell r="T560">
            <v>0</v>
          </cell>
          <cell r="U560">
            <v>0</v>
          </cell>
          <cell r="V560">
            <v>0</v>
          </cell>
          <cell r="W560">
            <v>0</v>
          </cell>
        </row>
        <row r="561">
          <cell r="A561" t="str">
            <v>Val_incassi comm_%</v>
          </cell>
          <cell r="G561">
            <v>8.8960601423698753E-3</v>
          </cell>
          <cell r="H561">
            <v>9.2967427547848425E-3</v>
          </cell>
          <cell r="I561">
            <v>9.0964014485773598E-3</v>
          </cell>
          <cell r="J561">
            <v>9.0964014485773598E-3</v>
          </cell>
          <cell r="K561">
            <v>9.0964014485773598E-3</v>
          </cell>
          <cell r="L561">
            <v>9.0964014485773598E-3</v>
          </cell>
          <cell r="M561">
            <v>9.0964014485773598E-3</v>
          </cell>
          <cell r="N561">
            <v>9.0964014485773598E-3</v>
          </cell>
          <cell r="O561">
            <v>9.0964014485773598E-3</v>
          </cell>
          <cell r="P561">
            <v>9.0964014485773598E-3</v>
          </cell>
          <cell r="Q561">
            <v>9.0964014485773598E-3</v>
          </cell>
          <cell r="R561">
            <v>9.0964014485773598E-3</v>
          </cell>
          <cell r="S561">
            <v>9.0964014485773598E-3</v>
          </cell>
          <cell r="T561">
            <v>9.0964014485773598E-3</v>
          </cell>
          <cell r="U561">
            <v>9.0964014485773598E-3</v>
          </cell>
          <cell r="V561">
            <v>9.0964014485773598E-3</v>
          </cell>
          <cell r="W561">
            <v>9.0964014485773598E-3</v>
          </cell>
          <cell r="Y561">
            <v>0</v>
          </cell>
          <cell r="Z561">
            <v>0</v>
          </cell>
        </row>
        <row r="562">
          <cell r="A562" t="str">
            <v>Pre_incassi comm_%</v>
          </cell>
          <cell r="G562">
            <v>2.5653322248622382E-2</v>
          </cell>
          <cell r="H562">
            <v>2.8194410705246954E-2</v>
          </cell>
          <cell r="I562">
            <v>2.692386647693467E-2</v>
          </cell>
          <cell r="J562">
            <v>2.692386647693467E-2</v>
          </cell>
          <cell r="K562">
            <v>2.692386647693467E-2</v>
          </cell>
          <cell r="L562">
            <v>2.692386647693467E-2</v>
          </cell>
          <cell r="M562">
            <v>2.692386647693467E-2</v>
          </cell>
          <cell r="N562">
            <v>2.692386647693467E-2</v>
          </cell>
          <cell r="O562">
            <v>2.692386647693467E-2</v>
          </cell>
          <cell r="P562">
            <v>2.692386647693467E-2</v>
          </cell>
          <cell r="Q562">
            <v>2.692386647693467E-2</v>
          </cell>
          <cell r="R562">
            <v>2.692386647693467E-2</v>
          </cell>
          <cell r="S562">
            <v>2.692386647693467E-2</v>
          </cell>
          <cell r="T562">
            <v>2.692386647693467E-2</v>
          </cell>
          <cell r="U562">
            <v>2.692386647693467E-2</v>
          </cell>
          <cell r="V562">
            <v>2.692386647693467E-2</v>
          </cell>
          <cell r="W562">
            <v>2.692386647693467E-2</v>
          </cell>
        </row>
        <row r="563">
          <cell r="A563" t="str">
            <v>Sma_incassi comm_%</v>
          </cell>
          <cell r="G563">
            <v>2.093311547353891E-3</v>
          </cell>
          <cell r="H563">
            <v>1.9714258956912089E-3</v>
          </cell>
          <cell r="I563">
            <v>2.0323687215225497E-3</v>
          </cell>
          <cell r="J563">
            <v>2.0323687215225497E-3</v>
          </cell>
          <cell r="K563">
            <v>2.0323687215225497E-3</v>
          </cell>
          <cell r="L563">
            <v>2.0323687215225497E-3</v>
          </cell>
          <cell r="M563">
            <v>2.0323687215225497E-3</v>
          </cell>
          <cell r="N563">
            <v>2.0323687215225497E-3</v>
          </cell>
          <cell r="O563">
            <v>2.0323687215225497E-3</v>
          </cell>
          <cell r="P563">
            <v>2.0323687215225497E-3</v>
          </cell>
          <cell r="Q563">
            <v>2.0323687215225497E-3</v>
          </cell>
          <cell r="R563">
            <v>2.0323687215225497E-3</v>
          </cell>
          <cell r="S563">
            <v>2.0323687215225497E-3</v>
          </cell>
          <cell r="T563">
            <v>2.0323687215225497E-3</v>
          </cell>
          <cell r="U563">
            <v>2.0323687215225497E-3</v>
          </cell>
          <cell r="V563">
            <v>2.0323687215225497E-3</v>
          </cell>
          <cell r="W563">
            <v>2.0323687215225497E-3</v>
          </cell>
        </row>
        <row r="564">
          <cell r="A564" t="str">
            <v>Pri_incassi comm_%</v>
          </cell>
          <cell r="G564">
            <v>4.4048335950760201E-3</v>
          </cell>
          <cell r="H564">
            <v>1.1862497916494057E-2</v>
          </cell>
          <cell r="I564">
            <v>8.1336657557850387E-3</v>
          </cell>
          <cell r="J564">
            <v>8.1336657557850387E-3</v>
          </cell>
          <cell r="K564">
            <v>8.1336657557850387E-3</v>
          </cell>
          <cell r="L564">
            <v>8.1336657557850387E-3</v>
          </cell>
          <cell r="M564">
            <v>8.1336657557850387E-3</v>
          </cell>
          <cell r="N564">
            <v>8.1336657557850387E-3</v>
          </cell>
          <cell r="O564">
            <v>8.1336657557850387E-3</v>
          </cell>
          <cell r="P564">
            <v>8.1336657557850387E-3</v>
          </cell>
          <cell r="Q564">
            <v>8.1336657557850387E-3</v>
          </cell>
          <cell r="R564">
            <v>8.1336657557850387E-3</v>
          </cell>
          <cell r="S564">
            <v>8.1336657557850387E-3</v>
          </cell>
          <cell r="T564">
            <v>8.1336657557850387E-3</v>
          </cell>
          <cell r="U564">
            <v>8.1336657557850387E-3</v>
          </cell>
          <cell r="V564">
            <v>8.1336657557850387E-3</v>
          </cell>
          <cell r="W564">
            <v>8.1336657557850387E-3</v>
          </cell>
        </row>
        <row r="565">
          <cell r="A565" t="str">
            <v>Fam_incassi comm_%</v>
          </cell>
          <cell r="G565">
            <v>1.8137988122259589E-2</v>
          </cell>
          <cell r="H565">
            <v>1.6709621607352575E-2</v>
          </cell>
          <cell r="I565">
            <v>1.7423804864806082E-2</v>
          </cell>
          <cell r="J565">
            <v>1.7423804864806082E-2</v>
          </cell>
          <cell r="K565">
            <v>1.7423804864806082E-2</v>
          </cell>
          <cell r="L565">
            <v>1.7423804864806082E-2</v>
          </cell>
          <cell r="M565">
            <v>1.7423804864806082E-2</v>
          </cell>
          <cell r="N565">
            <v>1.7423804864806082E-2</v>
          </cell>
          <cell r="O565">
            <v>1.7423804864806082E-2</v>
          </cell>
          <cell r="P565">
            <v>1.7423804864806082E-2</v>
          </cell>
          <cell r="Q565">
            <v>1.7423804864806082E-2</v>
          </cell>
          <cell r="R565">
            <v>1.7423804864806082E-2</v>
          </cell>
          <cell r="S565">
            <v>1.7423804864806082E-2</v>
          </cell>
          <cell r="T565">
            <v>1.7423804864806082E-2</v>
          </cell>
          <cell r="U565">
            <v>1.7423804864806082E-2</v>
          </cell>
          <cell r="V565">
            <v>1.7423804864806082E-2</v>
          </cell>
          <cell r="W565">
            <v>1.7423804864806082E-2</v>
          </cell>
        </row>
        <row r="566">
          <cell r="A566" t="str">
            <v>PMI_incassi comm_%</v>
          </cell>
          <cell r="G566">
            <v>5.5863947194878538E-4</v>
          </cell>
          <cell r="H566">
            <v>4.9775612116811495E-4</v>
          </cell>
          <cell r="I566">
            <v>5.2819779655845017E-4</v>
          </cell>
          <cell r="J566">
            <v>5.2819779655845017E-4</v>
          </cell>
          <cell r="K566">
            <v>5.2819779655845017E-4</v>
          </cell>
          <cell r="L566">
            <v>5.2819779655845017E-4</v>
          </cell>
          <cell r="M566">
            <v>5.2819779655845017E-4</v>
          </cell>
          <cell r="N566">
            <v>5.2819779655845017E-4</v>
          </cell>
          <cell r="O566">
            <v>5.2819779655845017E-4</v>
          </cell>
          <cell r="P566">
            <v>5.2819779655845017E-4</v>
          </cell>
          <cell r="Q566">
            <v>5.2819779655845017E-4</v>
          </cell>
          <cell r="R566">
            <v>5.2819779655845017E-4</v>
          </cell>
          <cell r="S566">
            <v>5.2819779655845017E-4</v>
          </cell>
          <cell r="T566">
            <v>5.2819779655845017E-4</v>
          </cell>
          <cell r="U566">
            <v>5.2819779655845017E-4</v>
          </cell>
          <cell r="V566">
            <v>5.2819779655845017E-4</v>
          </cell>
          <cell r="W566">
            <v>5.2819779655845017E-4</v>
          </cell>
        </row>
        <row r="567">
          <cell r="A567" t="str">
            <v>ENT_incassi comm_%</v>
          </cell>
          <cell r="G567">
            <v>1.0454397814261327E-2</v>
          </cell>
          <cell r="H567">
            <v>1.1614234810751084E-2</v>
          </cell>
          <cell r="I567">
            <v>1.1034316312506206E-2</v>
          </cell>
          <cell r="J567">
            <v>1.1034316312506206E-2</v>
          </cell>
          <cell r="K567">
            <v>1.1034316312506206E-2</v>
          </cell>
          <cell r="L567">
            <v>1.1034316312506206E-2</v>
          </cell>
          <cell r="M567">
            <v>1.1034316312506206E-2</v>
          </cell>
          <cell r="N567">
            <v>1.1034316312506206E-2</v>
          </cell>
          <cell r="O567">
            <v>1.1034316312506206E-2</v>
          </cell>
          <cell r="P567">
            <v>1.1034316312506206E-2</v>
          </cell>
          <cell r="Q567">
            <v>1.1034316312506206E-2</v>
          </cell>
          <cell r="R567">
            <v>1.1034316312506206E-2</v>
          </cell>
          <cell r="S567">
            <v>1.1034316312506206E-2</v>
          </cell>
          <cell r="T567">
            <v>1.1034316312506206E-2</v>
          </cell>
          <cell r="U567">
            <v>1.1034316312506206E-2</v>
          </cell>
          <cell r="V567">
            <v>1.1034316312506206E-2</v>
          </cell>
          <cell r="W567">
            <v>1.1034316312506206E-2</v>
          </cell>
        </row>
        <row r="568">
          <cell r="A568" t="str">
            <v>Cor_incassi comm_%</v>
          </cell>
          <cell r="G568">
            <v>2.3116871690350368E-4</v>
          </cell>
          <cell r="H568">
            <v>2.2514358088598655E-4</v>
          </cell>
          <cell r="I568">
            <v>2.2815614889474511E-4</v>
          </cell>
          <cell r="J568">
            <v>2.2815614889474511E-4</v>
          </cell>
          <cell r="K568">
            <v>2.2815614889474511E-4</v>
          </cell>
          <cell r="L568">
            <v>2.2815614889474511E-4</v>
          </cell>
          <cell r="M568">
            <v>2.2815614889474511E-4</v>
          </cell>
          <cell r="N568">
            <v>2.2815614889474511E-4</v>
          </cell>
          <cell r="O568">
            <v>2.2815614889474511E-4</v>
          </cell>
          <cell r="P568">
            <v>2.2815614889474511E-4</v>
          </cell>
          <cell r="Q568">
            <v>2.2815614889474511E-4</v>
          </cell>
          <cell r="R568">
            <v>2.2815614889474511E-4</v>
          </cell>
          <cell r="S568">
            <v>2.2815614889474511E-4</v>
          </cell>
          <cell r="T568">
            <v>2.2815614889474511E-4</v>
          </cell>
          <cell r="U568">
            <v>2.2815614889474511E-4</v>
          </cell>
          <cell r="V568">
            <v>2.2815614889474511E-4</v>
          </cell>
          <cell r="W568">
            <v>2.2815614889474511E-4</v>
          </cell>
        </row>
        <row r="569">
          <cell r="A569" t="str">
            <v>Gra_incassi comm_%</v>
          </cell>
          <cell r="G569">
            <v>6.5598888497995849E-4</v>
          </cell>
          <cell r="H569">
            <v>1.8766095327137349E-3</v>
          </cell>
          <cell r="I569">
            <v>1.2662992088468467E-3</v>
          </cell>
          <cell r="J569">
            <v>1.2662992088468467E-3</v>
          </cell>
          <cell r="K569">
            <v>1.2662992088468467E-3</v>
          </cell>
          <cell r="L569">
            <v>1.2662992088468467E-3</v>
          </cell>
          <cell r="M569">
            <v>1.2662992088468467E-3</v>
          </cell>
          <cell r="N569">
            <v>1.2662992088468467E-3</v>
          </cell>
          <cell r="O569">
            <v>1.2662992088468467E-3</v>
          </cell>
          <cell r="P569">
            <v>1.2662992088468467E-3</v>
          </cell>
          <cell r="Q569">
            <v>1.2662992088468467E-3</v>
          </cell>
          <cell r="R569">
            <v>1.2662992088468467E-3</v>
          </cell>
          <cell r="S569">
            <v>1.2662992088468467E-3</v>
          </cell>
          <cell r="T569">
            <v>1.2662992088468467E-3</v>
          </cell>
          <cell r="U569">
            <v>1.2662992088468467E-3</v>
          </cell>
          <cell r="V569">
            <v>1.2662992088468467E-3</v>
          </cell>
          <cell r="W569">
            <v>1.2662992088468467E-3</v>
          </cell>
        </row>
        <row r="570">
          <cell r="A570" t="str">
            <v>FEX_incassi comm_%</v>
          </cell>
          <cell r="G570">
            <v>0</v>
          </cell>
          <cell r="H570">
            <v>0</v>
          </cell>
          <cell r="I570">
            <v>0</v>
          </cell>
          <cell r="J570">
            <v>0</v>
          </cell>
          <cell r="K570">
            <v>0</v>
          </cell>
          <cell r="L570">
            <v>0</v>
          </cell>
          <cell r="M570">
            <v>0</v>
          </cell>
          <cell r="N570">
            <v>0</v>
          </cell>
          <cell r="O570">
            <v>0</v>
          </cell>
          <cell r="P570">
            <v>0</v>
          </cell>
          <cell r="Q570">
            <v>0</v>
          </cell>
          <cell r="R570">
            <v>0</v>
          </cell>
          <cell r="S570">
            <v>0</v>
          </cell>
          <cell r="T570">
            <v>0</v>
          </cell>
          <cell r="U570">
            <v>0</v>
          </cell>
          <cell r="V570">
            <v>0</v>
          </cell>
          <cell r="W570">
            <v>0</v>
          </cell>
        </row>
        <row r="571">
          <cell r="A571" t="str">
            <v>MCL_incassi comm_%</v>
          </cell>
          <cell r="G571">
            <v>0</v>
          </cell>
          <cell r="H571">
            <v>0</v>
          </cell>
          <cell r="I571">
            <v>0</v>
          </cell>
          <cell r="J571">
            <v>0</v>
          </cell>
          <cell r="K571">
            <v>0</v>
          </cell>
          <cell r="L571">
            <v>0</v>
          </cell>
          <cell r="M571">
            <v>0</v>
          </cell>
          <cell r="N571">
            <v>0</v>
          </cell>
          <cell r="O571">
            <v>0</v>
          </cell>
          <cell r="P571">
            <v>0</v>
          </cell>
          <cell r="Q571">
            <v>0</v>
          </cell>
          <cell r="R571">
            <v>0</v>
          </cell>
          <cell r="S571">
            <v>0</v>
          </cell>
          <cell r="T571">
            <v>0</v>
          </cell>
          <cell r="U571">
            <v>0</v>
          </cell>
          <cell r="V571">
            <v>0</v>
          </cell>
          <cell r="W571">
            <v>0</v>
          </cell>
        </row>
        <row r="572">
          <cell r="A572" t="str">
            <v>MCG_incassi comm_%</v>
          </cell>
          <cell r="G572">
            <v>0</v>
          </cell>
          <cell r="H572">
            <v>0</v>
          </cell>
          <cell r="I572">
            <v>0</v>
          </cell>
          <cell r="J572">
            <v>0</v>
          </cell>
          <cell r="K572">
            <v>0</v>
          </cell>
          <cell r="L572">
            <v>0</v>
          </cell>
          <cell r="M572">
            <v>0</v>
          </cell>
          <cell r="N572">
            <v>0</v>
          </cell>
          <cell r="O572">
            <v>0</v>
          </cell>
          <cell r="P572">
            <v>0</v>
          </cell>
          <cell r="Q572">
            <v>0</v>
          </cell>
          <cell r="R572">
            <v>0</v>
          </cell>
          <cell r="S572">
            <v>0</v>
          </cell>
          <cell r="T572">
            <v>0</v>
          </cell>
          <cell r="U572">
            <v>0</v>
          </cell>
          <cell r="V572">
            <v>0</v>
          </cell>
          <cell r="W572">
            <v>0</v>
          </cell>
        </row>
        <row r="573">
          <cell r="A573" t="str">
            <v>MLE_incassi comm_%</v>
          </cell>
          <cell r="G573">
            <v>0</v>
          </cell>
          <cell r="H573">
            <v>0</v>
          </cell>
          <cell r="I573">
            <v>0</v>
          </cell>
          <cell r="J573">
            <v>0</v>
          </cell>
          <cell r="K573">
            <v>0</v>
          </cell>
          <cell r="L573">
            <v>0</v>
          </cell>
          <cell r="M573">
            <v>0</v>
          </cell>
          <cell r="N573">
            <v>0</v>
          </cell>
          <cell r="O573">
            <v>0</v>
          </cell>
          <cell r="P573">
            <v>0</v>
          </cell>
          <cell r="Q573">
            <v>0</v>
          </cell>
          <cell r="R573">
            <v>0</v>
          </cell>
          <cell r="S573">
            <v>0</v>
          </cell>
          <cell r="T573">
            <v>0</v>
          </cell>
          <cell r="U573">
            <v>0</v>
          </cell>
          <cell r="V573">
            <v>0</v>
          </cell>
          <cell r="W573">
            <v>0</v>
          </cell>
        </row>
        <row r="574">
          <cell r="A574" t="str">
            <v>MFA_incassi comm_%</v>
          </cell>
          <cell r="G574">
            <v>0</v>
          </cell>
          <cell r="H574">
            <v>0</v>
          </cell>
          <cell r="I574">
            <v>0</v>
          </cell>
          <cell r="J574">
            <v>0</v>
          </cell>
          <cell r="K574">
            <v>0</v>
          </cell>
          <cell r="L574">
            <v>0</v>
          </cell>
          <cell r="M574">
            <v>0</v>
          </cell>
          <cell r="N574">
            <v>0</v>
          </cell>
          <cell r="O574">
            <v>0</v>
          </cell>
          <cell r="P574">
            <v>0</v>
          </cell>
          <cell r="Q574">
            <v>0</v>
          </cell>
          <cell r="R574">
            <v>0</v>
          </cell>
          <cell r="S574">
            <v>0</v>
          </cell>
          <cell r="T574">
            <v>0</v>
          </cell>
          <cell r="U574">
            <v>0</v>
          </cell>
          <cell r="V574">
            <v>0</v>
          </cell>
          <cell r="W574">
            <v>0</v>
          </cell>
        </row>
        <row r="575">
          <cell r="A575" t="str">
            <v>MBQ_incassi comm_%</v>
          </cell>
          <cell r="G575">
            <v>0</v>
          </cell>
          <cell r="H575">
            <v>0</v>
          </cell>
          <cell r="I575">
            <v>0</v>
          </cell>
          <cell r="J575">
            <v>0</v>
          </cell>
          <cell r="K575">
            <v>0</v>
          </cell>
          <cell r="L575">
            <v>0</v>
          </cell>
          <cell r="M575">
            <v>0</v>
          </cell>
          <cell r="N575">
            <v>0</v>
          </cell>
          <cell r="O575">
            <v>0</v>
          </cell>
          <cell r="P575">
            <v>0</v>
          </cell>
          <cell r="Q575">
            <v>0</v>
          </cell>
          <cell r="R575">
            <v>0</v>
          </cell>
          <cell r="S575">
            <v>0</v>
          </cell>
          <cell r="T575">
            <v>0</v>
          </cell>
          <cell r="U575">
            <v>0</v>
          </cell>
          <cell r="V575">
            <v>0</v>
          </cell>
          <cell r="W575">
            <v>0</v>
          </cell>
        </row>
        <row r="576">
          <cell r="A576" t="str">
            <v>MBG_incassi comm_%</v>
          </cell>
          <cell r="G576">
            <v>0</v>
          </cell>
          <cell r="H576">
            <v>0</v>
          </cell>
          <cell r="I576">
            <v>0</v>
          </cell>
          <cell r="J576">
            <v>0</v>
          </cell>
          <cell r="K576">
            <v>0</v>
          </cell>
          <cell r="L576">
            <v>0</v>
          </cell>
          <cell r="M576">
            <v>0</v>
          </cell>
          <cell r="N576">
            <v>0</v>
          </cell>
          <cell r="O576">
            <v>0</v>
          </cell>
          <cell r="P576">
            <v>0</v>
          </cell>
          <cell r="Q576">
            <v>0</v>
          </cell>
          <cell r="R576">
            <v>0</v>
          </cell>
          <cell r="S576">
            <v>0</v>
          </cell>
          <cell r="T576">
            <v>0</v>
          </cell>
          <cell r="U576">
            <v>0</v>
          </cell>
          <cell r="V576">
            <v>0</v>
          </cell>
          <cell r="W576">
            <v>0</v>
          </cell>
        </row>
        <row r="577">
          <cell r="A577" t="str">
            <v>WID_incassi comm_%</v>
          </cell>
          <cell r="G577">
            <v>0</v>
          </cell>
          <cell r="H577">
            <v>0</v>
          </cell>
          <cell r="I577">
            <v>0</v>
          </cell>
          <cell r="J577">
            <v>0</v>
          </cell>
          <cell r="K577">
            <v>0</v>
          </cell>
          <cell r="L577">
            <v>0</v>
          </cell>
          <cell r="M577">
            <v>0</v>
          </cell>
          <cell r="N577">
            <v>0</v>
          </cell>
          <cell r="O577">
            <v>0</v>
          </cell>
          <cell r="P577">
            <v>0</v>
          </cell>
          <cell r="Q577">
            <v>0</v>
          </cell>
          <cell r="R577">
            <v>0</v>
          </cell>
          <cell r="S577">
            <v>0</v>
          </cell>
          <cell r="T577">
            <v>0</v>
          </cell>
          <cell r="U577">
            <v>0</v>
          </cell>
          <cell r="V577">
            <v>0</v>
          </cell>
          <cell r="W577">
            <v>0</v>
          </cell>
        </row>
        <row r="578">
          <cell r="A578" t="str">
            <v>FIN_incassi comm_%</v>
          </cell>
          <cell r="G578">
            <v>0</v>
          </cell>
          <cell r="H578">
            <v>0</v>
          </cell>
          <cell r="I578">
            <v>0</v>
          </cell>
          <cell r="J578">
            <v>0</v>
          </cell>
          <cell r="K578">
            <v>0</v>
          </cell>
          <cell r="L578">
            <v>0</v>
          </cell>
          <cell r="M578">
            <v>0</v>
          </cell>
          <cell r="N578">
            <v>0</v>
          </cell>
          <cell r="O578">
            <v>0</v>
          </cell>
          <cell r="P578">
            <v>0</v>
          </cell>
          <cell r="Q578">
            <v>0</v>
          </cell>
          <cell r="R578">
            <v>0</v>
          </cell>
          <cell r="S578">
            <v>0</v>
          </cell>
          <cell r="T578">
            <v>0</v>
          </cell>
          <cell r="U578">
            <v>0</v>
          </cell>
          <cell r="V578">
            <v>0</v>
          </cell>
          <cell r="W578">
            <v>0</v>
          </cell>
        </row>
        <row r="579">
          <cell r="A579" t="str">
            <v>ALM_incassi comm_%</v>
          </cell>
          <cell r="G579">
            <v>0</v>
          </cell>
          <cell r="H579">
            <v>0</v>
          </cell>
          <cell r="I579">
            <v>0</v>
          </cell>
          <cell r="J579">
            <v>0</v>
          </cell>
          <cell r="K579">
            <v>0</v>
          </cell>
          <cell r="L579">
            <v>0</v>
          </cell>
          <cell r="M579">
            <v>0</v>
          </cell>
          <cell r="N579">
            <v>0</v>
          </cell>
          <cell r="O579">
            <v>0</v>
          </cell>
          <cell r="P579">
            <v>0</v>
          </cell>
          <cell r="Q579">
            <v>0</v>
          </cell>
          <cell r="R579">
            <v>0</v>
          </cell>
          <cell r="S579">
            <v>0</v>
          </cell>
          <cell r="T579">
            <v>0</v>
          </cell>
          <cell r="U579">
            <v>0</v>
          </cell>
          <cell r="V579">
            <v>0</v>
          </cell>
          <cell r="W579">
            <v>0</v>
          </cell>
        </row>
        <row r="580">
          <cell r="A580" t="str">
            <v>FUO_incassi comm_%</v>
          </cell>
          <cell r="G580">
            <v>1.1095309209817108</v>
          </cell>
          <cell r="H580">
            <v>1.2603930862871575</v>
          </cell>
          <cell r="I580">
            <v>1.1849620036344342</v>
          </cell>
          <cell r="J580">
            <v>1.1849620036344342</v>
          </cell>
          <cell r="K580">
            <v>1.1849620036344342</v>
          </cell>
          <cell r="L580">
            <v>1.1849620036344342</v>
          </cell>
          <cell r="M580">
            <v>1.1849620036344342</v>
          </cell>
          <cell r="N580">
            <v>1.1849620036344342</v>
          </cell>
          <cell r="O580">
            <v>1.1849620036344342</v>
          </cell>
          <cell r="P580">
            <v>1.1849620036344342</v>
          </cell>
          <cell r="Q580">
            <v>1.1849620036344342</v>
          </cell>
          <cell r="R580">
            <v>1.1849620036344342</v>
          </cell>
          <cell r="S580">
            <v>1.1849620036344342</v>
          </cell>
          <cell r="T580">
            <v>1.1849620036344342</v>
          </cell>
          <cell r="U580">
            <v>1.1849620036344342</v>
          </cell>
          <cell r="V580">
            <v>1.1849620036344342</v>
          </cell>
          <cell r="W580">
            <v>1.1849620036344342</v>
          </cell>
        </row>
        <row r="581">
          <cell r="A581" t="str">
            <v>XXX_incassi comm_%</v>
          </cell>
          <cell r="G581">
            <v>0</v>
          </cell>
          <cell r="H581">
            <v>0</v>
          </cell>
          <cell r="I581">
            <v>0</v>
          </cell>
          <cell r="J581">
            <v>0</v>
          </cell>
          <cell r="K581">
            <v>0</v>
          </cell>
          <cell r="L581">
            <v>0</v>
          </cell>
          <cell r="M581">
            <v>0</v>
          </cell>
          <cell r="N581">
            <v>0</v>
          </cell>
          <cell r="O581">
            <v>0</v>
          </cell>
          <cell r="P581">
            <v>0</v>
          </cell>
          <cell r="Q581">
            <v>0</v>
          </cell>
          <cell r="R581">
            <v>0</v>
          </cell>
          <cell r="S581">
            <v>0</v>
          </cell>
          <cell r="T581">
            <v>0</v>
          </cell>
          <cell r="U581">
            <v>0</v>
          </cell>
          <cell r="V581">
            <v>0</v>
          </cell>
          <cell r="W581">
            <v>0</v>
          </cell>
        </row>
        <row r="582">
          <cell r="G582">
            <v>0</v>
          </cell>
          <cell r="H582">
            <v>0</v>
          </cell>
          <cell r="I582">
            <v>0</v>
          </cell>
          <cell r="J582">
            <v>0</v>
          </cell>
          <cell r="K582">
            <v>0</v>
          </cell>
          <cell r="L582">
            <v>0</v>
          </cell>
          <cell r="M582">
            <v>0</v>
          </cell>
          <cell r="N582">
            <v>0</v>
          </cell>
          <cell r="O582">
            <v>0</v>
          </cell>
          <cell r="P582">
            <v>0</v>
          </cell>
          <cell r="Q582">
            <v>0</v>
          </cell>
          <cell r="R582">
            <v>0</v>
          </cell>
          <cell r="S582">
            <v>0</v>
          </cell>
          <cell r="T582">
            <v>0</v>
          </cell>
          <cell r="U582">
            <v>0</v>
          </cell>
          <cell r="V582">
            <v>0</v>
          </cell>
          <cell r="W582">
            <v>0</v>
          </cell>
        </row>
        <row r="583">
          <cell r="A583" t="str">
            <v>Val_I_mlt_%</v>
          </cell>
          <cell r="G583">
            <v>1.3161609480663092E-4</v>
          </cell>
          <cell r="H583">
            <v>1.4017859332179819E-4</v>
          </cell>
          <cell r="I583">
            <v>1.3589734406421457E-4</v>
          </cell>
          <cell r="J583">
            <v>1.3589734406421457E-4</v>
          </cell>
          <cell r="K583">
            <v>1.3589734406421457E-4</v>
          </cell>
          <cell r="L583">
            <v>1.3589734406421457E-4</v>
          </cell>
          <cell r="M583">
            <v>1.3589734406421457E-4</v>
          </cell>
          <cell r="N583">
            <v>1.3589734406421457E-4</v>
          </cell>
          <cell r="O583">
            <v>1.3589734406421457E-4</v>
          </cell>
          <cell r="P583">
            <v>1.3589734406421457E-4</v>
          </cell>
          <cell r="Q583">
            <v>1.3589734406421457E-4</v>
          </cell>
          <cell r="R583">
            <v>1.3589734406421457E-4</v>
          </cell>
          <cell r="S583">
            <v>1.3589734406421457E-4</v>
          </cell>
          <cell r="T583">
            <v>1.3589734406421457E-4</v>
          </cell>
          <cell r="U583">
            <v>1.3589734406421457E-4</v>
          </cell>
          <cell r="V583">
            <v>1.3589734406421457E-4</v>
          </cell>
          <cell r="W583">
            <v>1.3589734406421457E-4</v>
          </cell>
          <cell r="Y583">
            <v>0</v>
          </cell>
          <cell r="Z583">
            <v>0</v>
          </cell>
        </row>
        <row r="584">
          <cell r="A584" t="str">
            <v>Pre_I_mlt_%</v>
          </cell>
          <cell r="G584">
            <v>1.2817924494259024E-4</v>
          </cell>
          <cell r="H584">
            <v>2.5163248924451622E-4</v>
          </cell>
          <cell r="I584">
            <v>1.8990586709355324E-4</v>
          </cell>
          <cell r="J584">
            <v>1.8990586709355324E-4</v>
          </cell>
          <cell r="K584">
            <v>1.8990586709355324E-4</v>
          </cell>
          <cell r="L584">
            <v>1.8990586709355324E-4</v>
          </cell>
          <cell r="M584">
            <v>1.8990586709355324E-4</v>
          </cell>
          <cell r="N584">
            <v>1.8990586709355324E-4</v>
          </cell>
          <cell r="O584">
            <v>1.8990586709355324E-4</v>
          </cell>
          <cell r="P584">
            <v>1.8990586709355324E-4</v>
          </cell>
          <cell r="Q584">
            <v>1.8990586709355324E-4</v>
          </cell>
          <cell r="R584">
            <v>1.8990586709355324E-4</v>
          </cell>
          <cell r="S584">
            <v>1.8990586709355324E-4</v>
          </cell>
          <cell r="T584">
            <v>1.8990586709355324E-4</v>
          </cell>
          <cell r="U584">
            <v>1.8990586709355324E-4</v>
          </cell>
          <cell r="V584">
            <v>1.8990586709355324E-4</v>
          </cell>
          <cell r="W584">
            <v>1.8990586709355324E-4</v>
          </cell>
        </row>
        <row r="585">
          <cell r="A585" t="str">
            <v>Sma_I_mlt_%</v>
          </cell>
          <cell r="G585">
            <v>1.6493423230752686E-4</v>
          </cell>
          <cell r="H585">
            <v>1.3339999053141611E-4</v>
          </cell>
          <cell r="I585">
            <v>1.4916711141947149E-4</v>
          </cell>
          <cell r="J585">
            <v>1.4916711141947149E-4</v>
          </cell>
          <cell r="K585">
            <v>1.4916711141947149E-4</v>
          </cell>
          <cell r="L585">
            <v>1.4916711141947149E-4</v>
          </cell>
          <cell r="M585">
            <v>1.4916711141947149E-4</v>
          </cell>
          <cell r="N585">
            <v>1.4916711141947149E-4</v>
          </cell>
          <cell r="O585">
            <v>1.4916711141947149E-4</v>
          </cell>
          <cell r="P585">
            <v>1.4916711141947149E-4</v>
          </cell>
          <cell r="Q585">
            <v>1.4916711141947149E-4</v>
          </cell>
          <cell r="R585">
            <v>1.4916711141947149E-4</v>
          </cell>
          <cell r="S585">
            <v>1.4916711141947149E-4</v>
          </cell>
          <cell r="T585">
            <v>1.4916711141947149E-4</v>
          </cell>
          <cell r="U585">
            <v>1.4916711141947149E-4</v>
          </cell>
          <cell r="V585">
            <v>1.4916711141947149E-4</v>
          </cell>
          <cell r="W585">
            <v>1.4916711141947149E-4</v>
          </cell>
        </row>
        <row r="586">
          <cell r="A586" t="str">
            <v>Pri_I_mlt_%</v>
          </cell>
          <cell r="G586">
            <v>9.7830013473614534E-5</v>
          </cell>
          <cell r="H586">
            <v>2.692487726418004E-4</v>
          </cell>
          <cell r="I586">
            <v>1.8353939305770745E-4</v>
          </cell>
          <cell r="J586">
            <v>1.8353939305770745E-4</v>
          </cell>
          <cell r="K586">
            <v>1.8353939305770745E-4</v>
          </cell>
          <cell r="L586">
            <v>1.8353939305770745E-4</v>
          </cell>
          <cell r="M586">
            <v>1.8353939305770745E-4</v>
          </cell>
          <cell r="N586">
            <v>1.8353939305770745E-4</v>
          </cell>
          <cell r="O586">
            <v>1.8353939305770745E-4</v>
          </cell>
          <cell r="P586">
            <v>1.8353939305770745E-4</v>
          </cell>
          <cell r="Q586">
            <v>1.8353939305770745E-4</v>
          </cell>
          <cell r="R586">
            <v>1.8353939305770745E-4</v>
          </cell>
          <cell r="S586">
            <v>1.8353939305770745E-4</v>
          </cell>
          <cell r="T586">
            <v>1.8353939305770745E-4</v>
          </cell>
          <cell r="U586">
            <v>1.8353939305770745E-4</v>
          </cell>
          <cell r="V586">
            <v>1.8353939305770745E-4</v>
          </cell>
          <cell r="W586">
            <v>1.8353939305770745E-4</v>
          </cell>
        </row>
        <row r="587">
          <cell r="A587" t="str">
            <v>Fam_I_mlt_%</v>
          </cell>
          <cell r="G587">
            <v>3.4972472030461413E-5</v>
          </cell>
          <cell r="H587">
            <v>6.2286881652650776E-6</v>
          </cell>
          <cell r="I587">
            <v>2.0600580097863245E-5</v>
          </cell>
          <cell r="J587">
            <v>2.0600580097863245E-5</v>
          </cell>
          <cell r="K587">
            <v>2.0600580097863245E-5</v>
          </cell>
          <cell r="L587">
            <v>2.0600580097863245E-5</v>
          </cell>
          <cell r="M587">
            <v>2.0600580097863245E-5</v>
          </cell>
          <cell r="N587">
            <v>2.0600580097863245E-5</v>
          </cell>
          <cell r="O587">
            <v>2.0600580097863245E-5</v>
          </cell>
          <cell r="P587">
            <v>2.0600580097863245E-5</v>
          </cell>
          <cell r="Q587">
            <v>2.0600580097863245E-5</v>
          </cell>
          <cell r="R587">
            <v>2.0600580097863245E-5</v>
          </cell>
          <cell r="S587">
            <v>2.0600580097863245E-5</v>
          </cell>
          <cell r="T587">
            <v>2.0600580097863245E-5</v>
          </cell>
          <cell r="U587">
            <v>2.0600580097863245E-5</v>
          </cell>
          <cell r="V587">
            <v>2.0600580097863245E-5</v>
          </cell>
          <cell r="W587">
            <v>2.0600580097863245E-5</v>
          </cell>
        </row>
        <row r="588">
          <cell r="A588" t="str">
            <v>PMI_I_mlt_%</v>
          </cell>
          <cell r="G588">
            <v>7.5747700391826992E-5</v>
          </cell>
          <cell r="H588">
            <v>7.5896979348279712E-5</v>
          </cell>
          <cell r="I588">
            <v>7.5822339870053345E-5</v>
          </cell>
          <cell r="J588">
            <v>7.5822339870053345E-5</v>
          </cell>
          <cell r="K588">
            <v>7.5822339870053345E-5</v>
          </cell>
          <cell r="L588">
            <v>7.5822339870053345E-5</v>
          </cell>
          <cell r="M588">
            <v>7.5822339870053345E-5</v>
          </cell>
          <cell r="N588">
            <v>7.5822339870053345E-5</v>
          </cell>
          <cell r="O588">
            <v>7.5822339870053345E-5</v>
          </cell>
          <cell r="P588">
            <v>7.5822339870053345E-5</v>
          </cell>
          <cell r="Q588">
            <v>7.5822339870053345E-5</v>
          </cell>
          <cell r="R588">
            <v>7.5822339870053345E-5</v>
          </cell>
          <cell r="S588">
            <v>7.5822339870053345E-5</v>
          </cell>
          <cell r="T588">
            <v>7.5822339870053345E-5</v>
          </cell>
          <cell r="U588">
            <v>7.5822339870053345E-5</v>
          </cell>
          <cell r="V588">
            <v>7.5822339870053345E-5</v>
          </cell>
          <cell r="W588">
            <v>7.5822339870053345E-5</v>
          </cell>
        </row>
        <row r="589">
          <cell r="A589" t="str">
            <v>ENT_I_mlt_%</v>
          </cell>
          <cell r="G589">
            <v>2.4938083938673307E-5</v>
          </cell>
          <cell r="H589">
            <v>1.2593472595246783E-5</v>
          </cell>
          <cell r="I589">
            <v>1.8765778266960047E-5</v>
          </cell>
          <cell r="J589">
            <v>1.8765778266960047E-5</v>
          </cell>
          <cell r="K589">
            <v>1.8765778266960047E-5</v>
          </cell>
          <cell r="L589">
            <v>1.8765778266960047E-5</v>
          </cell>
          <cell r="M589">
            <v>1.8765778266960047E-5</v>
          </cell>
          <cell r="N589">
            <v>1.8765778266960047E-5</v>
          </cell>
          <cell r="O589">
            <v>1.8765778266960047E-5</v>
          </cell>
          <cell r="P589">
            <v>1.8765778266960047E-5</v>
          </cell>
          <cell r="Q589">
            <v>1.8765778266960047E-5</v>
          </cell>
          <cell r="R589">
            <v>1.8765778266960047E-5</v>
          </cell>
          <cell r="S589">
            <v>1.8765778266960047E-5</v>
          </cell>
          <cell r="T589">
            <v>1.8765778266960047E-5</v>
          </cell>
          <cell r="U589">
            <v>1.8765778266960047E-5</v>
          </cell>
          <cell r="V589">
            <v>1.8765778266960047E-5</v>
          </cell>
          <cell r="W589">
            <v>1.8765778266960047E-5</v>
          </cell>
        </row>
        <row r="590">
          <cell r="A590" t="str">
            <v>Cor_I_mlt_%</v>
          </cell>
          <cell r="G590">
            <v>3.8027245586161013E-5</v>
          </cell>
          <cell r="H590">
            <v>1.9352287357280173E-5</v>
          </cell>
          <cell r="I590">
            <v>2.8689766471720595E-5</v>
          </cell>
          <cell r="J590">
            <v>2.8689766471720595E-5</v>
          </cell>
          <cell r="K590">
            <v>2.8689766471720595E-5</v>
          </cell>
          <cell r="L590">
            <v>2.8689766471720595E-5</v>
          </cell>
          <cell r="M590">
            <v>2.8689766471720595E-5</v>
          </cell>
          <cell r="N590">
            <v>2.8689766471720595E-5</v>
          </cell>
          <cell r="O590">
            <v>2.8689766471720595E-5</v>
          </cell>
          <cell r="P590">
            <v>2.8689766471720595E-5</v>
          </cell>
          <cell r="Q590">
            <v>2.8689766471720595E-5</v>
          </cell>
          <cell r="R590">
            <v>2.8689766471720595E-5</v>
          </cell>
          <cell r="S590">
            <v>2.8689766471720595E-5</v>
          </cell>
          <cell r="T590">
            <v>2.8689766471720595E-5</v>
          </cell>
          <cell r="U590">
            <v>2.8689766471720595E-5</v>
          </cell>
          <cell r="V590">
            <v>2.8689766471720595E-5</v>
          </cell>
          <cell r="W590">
            <v>2.8689766471720595E-5</v>
          </cell>
        </row>
        <row r="591">
          <cell r="A591" t="str">
            <v>Gra_I_mlt_%</v>
          </cell>
          <cell r="G591">
            <v>1.1641086145284883E-6</v>
          </cell>
          <cell r="H591">
            <v>2.1301508033618127E-7</v>
          </cell>
          <cell r="I591">
            <v>6.8856184743233477E-7</v>
          </cell>
          <cell r="J591">
            <v>6.8856184743233477E-7</v>
          </cell>
          <cell r="K591">
            <v>6.8856184743233477E-7</v>
          </cell>
          <cell r="L591">
            <v>6.8856184743233477E-7</v>
          </cell>
          <cell r="M591">
            <v>6.8856184743233477E-7</v>
          </cell>
          <cell r="N591">
            <v>6.8856184743233477E-7</v>
          </cell>
          <cell r="O591">
            <v>6.8856184743233477E-7</v>
          </cell>
          <cell r="P591">
            <v>6.8856184743233477E-7</v>
          </cell>
          <cell r="Q591">
            <v>6.8856184743233477E-7</v>
          </cell>
          <cell r="R591">
            <v>6.8856184743233477E-7</v>
          </cell>
          <cell r="S591">
            <v>6.8856184743233477E-7</v>
          </cell>
          <cell r="T591">
            <v>6.8856184743233477E-7</v>
          </cell>
          <cell r="U591">
            <v>6.8856184743233477E-7</v>
          </cell>
          <cell r="V591">
            <v>6.8856184743233477E-7</v>
          </cell>
          <cell r="W591">
            <v>6.8856184743233477E-7</v>
          </cell>
        </row>
        <row r="592">
          <cell r="A592" t="str">
            <v>FEX_I_mlt_%</v>
          </cell>
          <cell r="G592">
            <v>2.0725159135419682E-3</v>
          </cell>
          <cell r="H592">
            <v>1.9596298381203874E-3</v>
          </cell>
          <cell r="I592">
            <v>2.0160728758311778E-3</v>
          </cell>
          <cell r="J592">
            <v>2.0160728758311778E-3</v>
          </cell>
          <cell r="K592">
            <v>2.0160728758311778E-3</v>
          </cell>
          <cell r="L592">
            <v>2.0160728758311778E-3</v>
          </cell>
          <cell r="M592">
            <v>2.0160728758311778E-3</v>
          </cell>
          <cell r="N592">
            <v>2.0160728758311778E-3</v>
          </cell>
          <cell r="O592">
            <v>2.0160728758311778E-3</v>
          </cell>
          <cell r="P592">
            <v>2.0160728758311778E-3</v>
          </cell>
          <cell r="Q592">
            <v>2.0160728758311778E-3</v>
          </cell>
          <cell r="R592">
            <v>2.0160728758311778E-3</v>
          </cell>
          <cell r="S592">
            <v>2.0160728758311778E-3</v>
          </cell>
          <cell r="T592">
            <v>2.0160728758311778E-3</v>
          </cell>
          <cell r="U592">
            <v>2.0160728758311778E-3</v>
          </cell>
          <cell r="V592">
            <v>2.0160728758311778E-3</v>
          </cell>
          <cell r="W592">
            <v>2.0160728758311778E-3</v>
          </cell>
        </row>
        <row r="593">
          <cell r="A593" t="str">
            <v>MCL_I_mlt_%</v>
          </cell>
          <cell r="G593">
            <v>-1.3491757161896792E-4</v>
          </cell>
          <cell r="H593">
            <v>6.1496624813168685E-4</v>
          </cell>
          <cell r="I593">
            <v>2.4002433825635948E-4</v>
          </cell>
          <cell r="J593">
            <v>2.4002433825635948E-4</v>
          </cell>
          <cell r="K593">
            <v>2.4002433825635948E-4</v>
          </cell>
          <cell r="L593">
            <v>2.4002433825635948E-4</v>
          </cell>
          <cell r="M593">
            <v>2.4002433825635948E-4</v>
          </cell>
          <cell r="N593">
            <v>2.4002433825635948E-4</v>
          </cell>
          <cell r="O593">
            <v>2.4002433825635948E-4</v>
          </cell>
          <cell r="P593">
            <v>2.4002433825635948E-4</v>
          </cell>
          <cell r="Q593">
            <v>2.4002433825635948E-4</v>
          </cell>
          <cell r="R593">
            <v>2.4002433825635948E-4</v>
          </cell>
          <cell r="S593">
            <v>2.4002433825635948E-4</v>
          </cell>
          <cell r="T593">
            <v>2.4002433825635948E-4</v>
          </cell>
          <cell r="U593">
            <v>2.4002433825635948E-4</v>
          </cell>
          <cell r="V593">
            <v>2.4002433825635948E-4</v>
          </cell>
          <cell r="W593">
            <v>2.4002433825635948E-4</v>
          </cell>
        </row>
        <row r="594">
          <cell r="A594" t="str">
            <v>MCG_I_mlt_%</v>
          </cell>
          <cell r="G594">
            <v>0</v>
          </cell>
          <cell r="H594">
            <v>0</v>
          </cell>
          <cell r="I594">
            <v>0</v>
          </cell>
          <cell r="J594">
            <v>0</v>
          </cell>
          <cell r="K594">
            <v>0</v>
          </cell>
          <cell r="L594">
            <v>0</v>
          </cell>
          <cell r="M594">
            <v>0</v>
          </cell>
          <cell r="N594">
            <v>0</v>
          </cell>
          <cell r="O594">
            <v>0</v>
          </cell>
          <cell r="P594">
            <v>0</v>
          </cell>
          <cell r="Q594">
            <v>0</v>
          </cell>
          <cell r="R594">
            <v>0</v>
          </cell>
          <cell r="S594">
            <v>0</v>
          </cell>
          <cell r="T594">
            <v>0</v>
          </cell>
          <cell r="U594">
            <v>0</v>
          </cell>
          <cell r="V594">
            <v>0</v>
          </cell>
          <cell r="W594">
            <v>0</v>
          </cell>
        </row>
        <row r="595">
          <cell r="A595" t="str">
            <v>MLE_I_mlt_%</v>
          </cell>
          <cell r="G595">
            <v>3.03679514118077E-4</v>
          </cell>
          <cell r="H595">
            <v>3.8133636099151665E-4</v>
          </cell>
          <cell r="I595">
            <v>3.4250793755479685E-4</v>
          </cell>
          <cell r="J595">
            <v>3.4250793755479685E-4</v>
          </cell>
          <cell r="K595">
            <v>3.4250793755479685E-4</v>
          </cell>
          <cell r="L595">
            <v>3.4250793755479685E-4</v>
          </cell>
          <cell r="M595">
            <v>3.4250793755479685E-4</v>
          </cell>
          <cell r="N595">
            <v>3.4250793755479685E-4</v>
          </cell>
          <cell r="O595">
            <v>3.4250793755479685E-4</v>
          </cell>
          <cell r="P595">
            <v>3.4250793755479685E-4</v>
          </cell>
          <cell r="Q595">
            <v>3.4250793755479685E-4</v>
          </cell>
          <cell r="R595">
            <v>3.4250793755479685E-4</v>
          </cell>
          <cell r="S595">
            <v>3.4250793755479685E-4</v>
          </cell>
          <cell r="T595">
            <v>3.4250793755479685E-4</v>
          </cell>
          <cell r="U595">
            <v>3.4250793755479685E-4</v>
          </cell>
          <cell r="V595">
            <v>3.4250793755479685E-4</v>
          </cell>
          <cell r="W595">
            <v>3.4250793755479685E-4</v>
          </cell>
        </row>
        <row r="596">
          <cell r="A596" t="str">
            <v>MFA_I_mlt_%</v>
          </cell>
          <cell r="G596">
            <v>0</v>
          </cell>
          <cell r="H596">
            <v>0</v>
          </cell>
          <cell r="I596">
            <v>0</v>
          </cell>
          <cell r="J596">
            <v>0</v>
          </cell>
          <cell r="K596">
            <v>0</v>
          </cell>
          <cell r="L596">
            <v>0</v>
          </cell>
          <cell r="M596">
            <v>0</v>
          </cell>
          <cell r="N596">
            <v>0</v>
          </cell>
          <cell r="O596">
            <v>0</v>
          </cell>
          <cell r="P596">
            <v>0</v>
          </cell>
          <cell r="Q596">
            <v>0</v>
          </cell>
          <cell r="R596">
            <v>0</v>
          </cell>
          <cell r="S596">
            <v>0</v>
          </cell>
          <cell r="T596">
            <v>0</v>
          </cell>
          <cell r="U596">
            <v>0</v>
          </cell>
          <cell r="V596">
            <v>0</v>
          </cell>
          <cell r="W596">
            <v>0</v>
          </cell>
        </row>
        <row r="597">
          <cell r="A597" t="str">
            <v>MBQ_I_mlt_%</v>
          </cell>
          <cell r="G597">
            <v>1.4240904879844311E-3</v>
          </cell>
          <cell r="H597">
            <v>1.4675449516467717E-3</v>
          </cell>
          <cell r="I597">
            <v>1.4458177198156015E-3</v>
          </cell>
          <cell r="J597">
            <v>1.4458177198156015E-3</v>
          </cell>
          <cell r="K597">
            <v>1.4458177198156015E-3</v>
          </cell>
          <cell r="L597">
            <v>1.4458177198156015E-3</v>
          </cell>
          <cell r="M597">
            <v>1.4458177198156015E-3</v>
          </cell>
          <cell r="N597">
            <v>1.4458177198156015E-3</v>
          </cell>
          <cell r="O597">
            <v>1.4458177198156015E-3</v>
          </cell>
          <cell r="P597">
            <v>1.4458177198156015E-3</v>
          </cell>
          <cell r="Q597">
            <v>1.4458177198156015E-3</v>
          </cell>
          <cell r="R597">
            <v>1.4458177198156015E-3</v>
          </cell>
          <cell r="S597">
            <v>1.4458177198156015E-3</v>
          </cell>
          <cell r="T597">
            <v>1.4458177198156015E-3</v>
          </cell>
          <cell r="U597">
            <v>1.4458177198156015E-3</v>
          </cell>
          <cell r="V597">
            <v>1.4458177198156015E-3</v>
          </cell>
          <cell r="W597">
            <v>1.4458177198156015E-3</v>
          </cell>
        </row>
        <row r="598">
          <cell r="A598" t="str">
            <v>MBG_I_mlt_%</v>
          </cell>
          <cell r="G598">
            <v>0</v>
          </cell>
          <cell r="H598">
            <v>0</v>
          </cell>
          <cell r="I598">
            <v>0</v>
          </cell>
          <cell r="J598">
            <v>0</v>
          </cell>
          <cell r="K598">
            <v>0</v>
          </cell>
          <cell r="L598">
            <v>0</v>
          </cell>
          <cell r="M598">
            <v>0</v>
          </cell>
          <cell r="N598">
            <v>0</v>
          </cell>
          <cell r="O598">
            <v>0</v>
          </cell>
          <cell r="P598">
            <v>0</v>
          </cell>
          <cell r="Q598">
            <v>0</v>
          </cell>
          <cell r="R598">
            <v>0</v>
          </cell>
          <cell r="S598">
            <v>0</v>
          </cell>
          <cell r="T598">
            <v>0</v>
          </cell>
          <cell r="U598">
            <v>0</v>
          </cell>
          <cell r="V598">
            <v>0</v>
          </cell>
          <cell r="W598">
            <v>0</v>
          </cell>
        </row>
        <row r="599">
          <cell r="A599" t="str">
            <v>WID_I_mlt_%</v>
          </cell>
          <cell r="G599">
            <v>1.3349920958975196E-2</v>
          </cell>
          <cell r="H599">
            <v>9.2705827883292763E-3</v>
          </cell>
          <cell r="I599">
            <v>1.1310251873652236E-2</v>
          </cell>
          <cell r="J599">
            <v>1.1310251873652236E-2</v>
          </cell>
          <cell r="K599">
            <v>1.1310251873652236E-2</v>
          </cell>
          <cell r="L599">
            <v>1.1310251873652236E-2</v>
          </cell>
          <cell r="M599">
            <v>1.1310251873652236E-2</v>
          </cell>
          <cell r="N599">
            <v>1.1310251873652236E-2</v>
          </cell>
          <cell r="O599">
            <v>1.1310251873652236E-2</v>
          </cell>
          <cell r="P599">
            <v>1.1310251873652236E-2</v>
          </cell>
          <cell r="Q599">
            <v>1.1310251873652236E-2</v>
          </cell>
          <cell r="R599">
            <v>1.1310251873652236E-2</v>
          </cell>
          <cell r="S599">
            <v>1.1310251873652236E-2</v>
          </cell>
          <cell r="T599">
            <v>1.1310251873652236E-2</v>
          </cell>
          <cell r="U599">
            <v>1.1310251873652236E-2</v>
          </cell>
          <cell r="V599">
            <v>1.1310251873652236E-2</v>
          </cell>
          <cell r="W599">
            <v>1.1310251873652236E-2</v>
          </cell>
        </row>
        <row r="600">
          <cell r="A600" t="str">
            <v>FIN_I_mlt_%</v>
          </cell>
          <cell r="G600">
            <v>0</v>
          </cell>
          <cell r="H600">
            <v>0</v>
          </cell>
          <cell r="I600">
            <v>0</v>
          </cell>
          <cell r="J600">
            <v>0</v>
          </cell>
          <cell r="K600">
            <v>0</v>
          </cell>
          <cell r="L600">
            <v>0</v>
          </cell>
          <cell r="M600">
            <v>0</v>
          </cell>
          <cell r="N600">
            <v>0</v>
          </cell>
          <cell r="O600">
            <v>0</v>
          </cell>
          <cell r="P600">
            <v>0</v>
          </cell>
          <cell r="Q600">
            <v>0</v>
          </cell>
          <cell r="R600">
            <v>0</v>
          </cell>
          <cell r="S600">
            <v>0</v>
          </cell>
          <cell r="T600">
            <v>0</v>
          </cell>
          <cell r="U600">
            <v>0</v>
          </cell>
          <cell r="V600">
            <v>0</v>
          </cell>
          <cell r="W600">
            <v>0</v>
          </cell>
        </row>
        <row r="601">
          <cell r="A601" t="str">
            <v>ALM_I_mlt_%</v>
          </cell>
          <cell r="G601">
            <v>0</v>
          </cell>
          <cell r="H601">
            <v>0</v>
          </cell>
          <cell r="I601">
            <v>0</v>
          </cell>
          <cell r="J601">
            <v>0</v>
          </cell>
          <cell r="K601">
            <v>0</v>
          </cell>
          <cell r="L601">
            <v>0</v>
          </cell>
          <cell r="M601">
            <v>0</v>
          </cell>
          <cell r="N601">
            <v>0</v>
          </cell>
          <cell r="O601">
            <v>0</v>
          </cell>
          <cell r="P601">
            <v>0</v>
          </cell>
          <cell r="Q601">
            <v>0</v>
          </cell>
          <cell r="R601">
            <v>0</v>
          </cell>
          <cell r="S601">
            <v>0</v>
          </cell>
          <cell r="T601">
            <v>0</v>
          </cell>
          <cell r="U601">
            <v>0</v>
          </cell>
          <cell r="V601">
            <v>0</v>
          </cell>
          <cell r="W601">
            <v>0</v>
          </cell>
        </row>
        <row r="602">
          <cell r="A602" t="str">
            <v>FUO_I_mlt_%</v>
          </cell>
          <cell r="G602">
            <v>7.4243383199638755E-8</v>
          </cell>
          <cell r="H602">
            <v>5.8504617401667798E-7</v>
          </cell>
          <cell r="I602">
            <v>3.2964477860815838E-7</v>
          </cell>
          <cell r="J602">
            <v>3.2964477860815838E-7</v>
          </cell>
          <cell r="K602">
            <v>3.2964477860815838E-7</v>
          </cell>
          <cell r="L602">
            <v>3.2964477860815838E-7</v>
          </cell>
          <cell r="M602">
            <v>3.2964477860815838E-7</v>
          </cell>
          <cell r="N602">
            <v>3.2964477860815838E-7</v>
          </cell>
          <cell r="O602">
            <v>3.2964477860815838E-7</v>
          </cell>
          <cell r="P602">
            <v>3.2964477860815838E-7</v>
          </cell>
          <cell r="Q602">
            <v>3.2964477860815838E-7</v>
          </cell>
          <cell r="R602">
            <v>3.2964477860815838E-7</v>
          </cell>
          <cell r="S602">
            <v>3.2964477860815838E-7</v>
          </cell>
          <cell r="T602">
            <v>3.2964477860815838E-7</v>
          </cell>
          <cell r="U602">
            <v>3.2964477860815838E-7</v>
          </cell>
          <cell r="V602">
            <v>3.2964477860815838E-7</v>
          </cell>
          <cell r="W602">
            <v>3.2964477860815838E-7</v>
          </cell>
        </row>
        <row r="603">
          <cell r="A603" t="str">
            <v>XXX_I_mlt_%</v>
          </cell>
          <cell r="G603">
            <v>0</v>
          </cell>
          <cell r="H603">
            <v>0</v>
          </cell>
          <cell r="I603">
            <v>0</v>
          </cell>
          <cell r="J603">
            <v>0</v>
          </cell>
          <cell r="K603">
            <v>0</v>
          </cell>
          <cell r="L603">
            <v>0</v>
          </cell>
          <cell r="M603">
            <v>0</v>
          </cell>
          <cell r="N603">
            <v>0</v>
          </cell>
          <cell r="O603">
            <v>0</v>
          </cell>
          <cell r="P603">
            <v>0</v>
          </cell>
          <cell r="Q603">
            <v>0</v>
          </cell>
          <cell r="R603">
            <v>0</v>
          </cell>
          <cell r="S603">
            <v>0</v>
          </cell>
          <cell r="T603">
            <v>0</v>
          </cell>
          <cell r="U603">
            <v>0</v>
          </cell>
          <cell r="V603">
            <v>0</v>
          </cell>
          <cell r="W603">
            <v>0</v>
          </cell>
        </row>
        <row r="604">
          <cell r="G604">
            <v>0</v>
          </cell>
          <cell r="H604">
            <v>0</v>
          </cell>
          <cell r="I604">
            <v>0</v>
          </cell>
          <cell r="J604">
            <v>0</v>
          </cell>
          <cell r="K604">
            <v>0</v>
          </cell>
          <cell r="L604">
            <v>0</v>
          </cell>
          <cell r="M604">
            <v>0</v>
          </cell>
          <cell r="N604">
            <v>0</v>
          </cell>
          <cell r="O604">
            <v>0</v>
          </cell>
          <cell r="P604">
            <v>0</v>
          </cell>
          <cell r="Q604">
            <v>0</v>
          </cell>
          <cell r="R604">
            <v>0</v>
          </cell>
          <cell r="S604">
            <v>0</v>
          </cell>
          <cell r="T604">
            <v>0</v>
          </cell>
          <cell r="U604">
            <v>0</v>
          </cell>
          <cell r="V604">
            <v>0</v>
          </cell>
          <cell r="W604">
            <v>0</v>
          </cell>
        </row>
        <row r="605">
          <cell r="A605" t="str">
            <v>Val_firma_ITA_%</v>
          </cell>
          <cell r="G605">
            <v>7.6112818031591131E-3</v>
          </cell>
          <cell r="H605">
            <v>7.2300099944618305E-3</v>
          </cell>
          <cell r="I605">
            <v>7.4206458988104722E-3</v>
          </cell>
          <cell r="J605">
            <v>7.4206458988104722E-3</v>
          </cell>
          <cell r="K605">
            <v>7.4206458988104722E-3</v>
          </cell>
          <cell r="L605">
            <v>7.4206458988104722E-3</v>
          </cell>
          <cell r="M605">
            <v>7.4206458988104722E-3</v>
          </cell>
          <cell r="N605">
            <v>7.4206458988104722E-3</v>
          </cell>
          <cell r="O605">
            <v>7.4206458988104722E-3</v>
          </cell>
          <cell r="P605">
            <v>7.4206458988104722E-3</v>
          </cell>
          <cell r="Q605">
            <v>7.4206458988104722E-3</v>
          </cell>
          <cell r="R605">
            <v>7.4206458988104722E-3</v>
          </cell>
          <cell r="S605">
            <v>7.4206458988104722E-3</v>
          </cell>
          <cell r="T605">
            <v>7.4206458988104722E-3</v>
          </cell>
          <cell r="U605">
            <v>7.4206458988104722E-3</v>
          </cell>
          <cell r="V605">
            <v>7.4206458988104722E-3</v>
          </cell>
          <cell r="W605">
            <v>7.4206458988104722E-3</v>
          </cell>
          <cell r="Y605">
            <v>0</v>
          </cell>
          <cell r="Z605">
            <v>0</v>
          </cell>
        </row>
        <row r="606">
          <cell r="A606" t="str">
            <v>Pre_firma_ITA_%</v>
          </cell>
          <cell r="G606">
            <v>4.4083106581705766E-3</v>
          </cell>
          <cell r="H606">
            <v>4.3368490082209372E-3</v>
          </cell>
          <cell r="I606">
            <v>4.3725798331957569E-3</v>
          </cell>
          <cell r="J606">
            <v>4.3725798331957569E-3</v>
          </cell>
          <cell r="K606">
            <v>4.3725798331957569E-3</v>
          </cell>
          <cell r="L606">
            <v>4.3725798331957569E-3</v>
          </cell>
          <cell r="M606">
            <v>4.3725798331957569E-3</v>
          </cell>
          <cell r="N606">
            <v>4.3725798331957569E-3</v>
          </cell>
          <cell r="O606">
            <v>4.3725798331957569E-3</v>
          </cell>
          <cell r="P606">
            <v>4.3725798331957569E-3</v>
          </cell>
          <cell r="Q606">
            <v>4.3725798331957569E-3</v>
          </cell>
          <cell r="R606">
            <v>4.3725798331957569E-3</v>
          </cell>
          <cell r="S606">
            <v>4.3725798331957569E-3</v>
          </cell>
          <cell r="T606">
            <v>4.3725798331957569E-3</v>
          </cell>
          <cell r="U606">
            <v>4.3725798331957569E-3</v>
          </cell>
          <cell r="V606">
            <v>4.3725798331957569E-3</v>
          </cell>
          <cell r="W606">
            <v>4.3725798331957569E-3</v>
          </cell>
        </row>
        <row r="607">
          <cell r="A607" t="str">
            <v>Sma_firma_ITA_%</v>
          </cell>
          <cell r="G607">
            <v>4.9892378101013277E-3</v>
          </cell>
          <cell r="H607">
            <v>4.9769981003077845E-3</v>
          </cell>
          <cell r="I607">
            <v>4.9831179552045565E-3</v>
          </cell>
          <cell r="J607">
            <v>4.9831179552045565E-3</v>
          </cell>
          <cell r="K607">
            <v>4.9831179552045565E-3</v>
          </cell>
          <cell r="L607">
            <v>4.9831179552045565E-3</v>
          </cell>
          <cell r="M607">
            <v>4.9831179552045565E-3</v>
          </cell>
          <cell r="N607">
            <v>4.9831179552045565E-3</v>
          </cell>
          <cell r="O607">
            <v>4.9831179552045565E-3</v>
          </cell>
          <cell r="P607">
            <v>4.9831179552045565E-3</v>
          </cell>
          <cell r="Q607">
            <v>4.9831179552045565E-3</v>
          </cell>
          <cell r="R607">
            <v>4.9831179552045565E-3</v>
          </cell>
          <cell r="S607">
            <v>4.9831179552045565E-3</v>
          </cell>
          <cell r="T607">
            <v>4.9831179552045565E-3</v>
          </cell>
          <cell r="U607">
            <v>4.9831179552045565E-3</v>
          </cell>
          <cell r="V607">
            <v>4.9831179552045565E-3</v>
          </cell>
          <cell r="W607">
            <v>4.9831179552045565E-3</v>
          </cell>
        </row>
        <row r="608">
          <cell r="A608" t="str">
            <v>Pri_firma_ITA_%</v>
          </cell>
          <cell r="G608">
            <v>2.7915513365149697E-3</v>
          </cell>
          <cell r="H608">
            <v>2.6015131905852977E-3</v>
          </cell>
          <cell r="I608">
            <v>2.6965322635501337E-3</v>
          </cell>
          <cell r="J608">
            <v>2.6965322635501337E-3</v>
          </cell>
          <cell r="K608">
            <v>2.6965322635501337E-3</v>
          </cell>
          <cell r="L608">
            <v>2.6965322635501337E-3</v>
          </cell>
          <cell r="M608">
            <v>2.6965322635501337E-3</v>
          </cell>
          <cell r="N608">
            <v>2.6965322635501337E-3</v>
          </cell>
          <cell r="O608">
            <v>2.6965322635501337E-3</v>
          </cell>
          <cell r="P608">
            <v>2.6965322635501337E-3</v>
          </cell>
          <cell r="Q608">
            <v>2.6965322635501337E-3</v>
          </cell>
          <cell r="R608">
            <v>2.6965322635501337E-3</v>
          </cell>
          <cell r="S608">
            <v>2.6965322635501337E-3</v>
          </cell>
          <cell r="T608">
            <v>2.6965322635501337E-3</v>
          </cell>
          <cell r="U608">
            <v>2.6965322635501337E-3</v>
          </cell>
          <cell r="V608">
            <v>2.6965322635501337E-3</v>
          </cell>
          <cell r="W608">
            <v>2.6965322635501337E-3</v>
          </cell>
        </row>
        <row r="609">
          <cell r="A609" t="str">
            <v>Fam_firma_ITA_%</v>
          </cell>
          <cell r="G609">
            <v>3.1807901634262458E-3</v>
          </cell>
          <cell r="H609">
            <v>2.5560433426830612E-3</v>
          </cell>
          <cell r="I609">
            <v>2.8684167530546537E-3</v>
          </cell>
          <cell r="J609">
            <v>2.8684167530546537E-3</v>
          </cell>
          <cell r="K609">
            <v>2.8684167530546537E-3</v>
          </cell>
          <cell r="L609">
            <v>2.8684167530546537E-3</v>
          </cell>
          <cell r="M609">
            <v>2.8684167530546537E-3</v>
          </cell>
          <cell r="N609">
            <v>2.8684167530546537E-3</v>
          </cell>
          <cell r="O609">
            <v>2.8684167530546537E-3</v>
          </cell>
          <cell r="P609">
            <v>2.8684167530546537E-3</v>
          </cell>
          <cell r="Q609">
            <v>2.8684167530546537E-3</v>
          </cell>
          <cell r="R609">
            <v>2.8684167530546537E-3</v>
          </cell>
          <cell r="S609">
            <v>2.8684167530546537E-3</v>
          </cell>
          <cell r="T609">
            <v>2.8684167530546537E-3</v>
          </cell>
          <cell r="U609">
            <v>2.8684167530546537E-3</v>
          </cell>
          <cell r="V609">
            <v>2.8684167530546537E-3</v>
          </cell>
          <cell r="W609">
            <v>2.8684167530546537E-3</v>
          </cell>
        </row>
        <row r="610">
          <cell r="A610" t="str">
            <v>PMI_firma_ITA_%</v>
          </cell>
          <cell r="G610">
            <v>2.3632405277139285E-3</v>
          </cell>
          <cell r="H610">
            <v>2.0833303010114337E-3</v>
          </cell>
          <cell r="I610">
            <v>2.2232854143626811E-3</v>
          </cell>
          <cell r="J610">
            <v>2.2232854143626811E-3</v>
          </cell>
          <cell r="K610">
            <v>2.2232854143626811E-3</v>
          </cell>
          <cell r="L610">
            <v>2.2232854143626811E-3</v>
          </cell>
          <cell r="M610">
            <v>2.2232854143626811E-3</v>
          </cell>
          <cell r="N610">
            <v>2.2232854143626811E-3</v>
          </cell>
          <cell r="O610">
            <v>2.2232854143626811E-3</v>
          </cell>
          <cell r="P610">
            <v>2.2232854143626811E-3</v>
          </cell>
          <cell r="Q610">
            <v>2.2232854143626811E-3</v>
          </cell>
          <cell r="R610">
            <v>2.2232854143626811E-3</v>
          </cell>
          <cell r="S610">
            <v>2.2232854143626811E-3</v>
          </cell>
          <cell r="T610">
            <v>2.2232854143626811E-3</v>
          </cell>
          <cell r="U610">
            <v>2.2232854143626811E-3</v>
          </cell>
          <cell r="V610">
            <v>2.2232854143626811E-3</v>
          </cell>
          <cell r="W610">
            <v>2.2232854143626811E-3</v>
          </cell>
        </row>
        <row r="611">
          <cell r="A611" t="str">
            <v>ENT_firma_ITA_%</v>
          </cell>
          <cell r="G611">
            <v>3.3155226408012922E-3</v>
          </cell>
          <cell r="H611">
            <v>2.0844336923283319E-3</v>
          </cell>
          <cell r="I611">
            <v>2.6999781665648119E-3</v>
          </cell>
          <cell r="J611">
            <v>2.6999781665648119E-3</v>
          </cell>
          <cell r="K611">
            <v>2.6999781665648119E-3</v>
          </cell>
          <cell r="L611">
            <v>2.6999781665648119E-3</v>
          </cell>
          <cell r="M611">
            <v>2.6999781665648119E-3</v>
          </cell>
          <cell r="N611">
            <v>2.6999781665648119E-3</v>
          </cell>
          <cell r="O611">
            <v>2.6999781665648119E-3</v>
          </cell>
          <cell r="P611">
            <v>2.6999781665648119E-3</v>
          </cell>
          <cell r="Q611">
            <v>2.6999781665648119E-3</v>
          </cell>
          <cell r="R611">
            <v>2.6999781665648119E-3</v>
          </cell>
          <cell r="S611">
            <v>2.6999781665648119E-3</v>
          </cell>
          <cell r="T611">
            <v>2.6999781665648119E-3</v>
          </cell>
          <cell r="U611">
            <v>2.6999781665648119E-3</v>
          </cell>
          <cell r="V611">
            <v>2.6999781665648119E-3</v>
          </cell>
          <cell r="W611">
            <v>2.6999781665648119E-3</v>
          </cell>
        </row>
        <row r="612">
          <cell r="A612" t="str">
            <v>Cor_firma_ITA_%</v>
          </cell>
          <cell r="G612">
            <v>7.3356337796714034E-4</v>
          </cell>
          <cell r="H612">
            <v>1.9515433692131119E-3</v>
          </cell>
          <cell r="I612">
            <v>1.3425533735901261E-3</v>
          </cell>
          <cell r="J612">
            <v>1.3425533735901261E-3</v>
          </cell>
          <cell r="K612">
            <v>1.3425533735901261E-3</v>
          </cell>
          <cell r="L612">
            <v>1.3425533735901261E-3</v>
          </cell>
          <cell r="M612">
            <v>1.3425533735901261E-3</v>
          </cell>
          <cell r="N612">
            <v>1.3425533735901261E-3</v>
          </cell>
          <cell r="O612">
            <v>1.3425533735901261E-3</v>
          </cell>
          <cell r="P612">
            <v>1.3425533735901261E-3</v>
          </cell>
          <cell r="Q612">
            <v>1.3425533735901261E-3</v>
          </cell>
          <cell r="R612">
            <v>1.3425533735901261E-3</v>
          </cell>
          <cell r="S612">
            <v>1.3425533735901261E-3</v>
          </cell>
          <cell r="T612">
            <v>1.3425533735901261E-3</v>
          </cell>
          <cell r="U612">
            <v>1.3425533735901261E-3</v>
          </cell>
          <cell r="V612">
            <v>1.3425533735901261E-3</v>
          </cell>
          <cell r="W612">
            <v>1.3425533735901261E-3</v>
          </cell>
        </row>
        <row r="613">
          <cell r="A613" t="str">
            <v>Gra_firma_ITA_%</v>
          </cell>
          <cell r="G613">
            <v>2.7327177827142423E-3</v>
          </cell>
          <cell r="H613">
            <v>2.3174437607804284E-3</v>
          </cell>
          <cell r="I613">
            <v>2.5250807717473352E-3</v>
          </cell>
          <cell r="J613">
            <v>2.5250807717473352E-3</v>
          </cell>
          <cell r="K613">
            <v>2.5250807717473352E-3</v>
          </cell>
          <cell r="L613">
            <v>2.5250807717473352E-3</v>
          </cell>
          <cell r="M613">
            <v>2.5250807717473352E-3</v>
          </cell>
          <cell r="N613">
            <v>2.5250807717473352E-3</v>
          </cell>
          <cell r="O613">
            <v>2.5250807717473352E-3</v>
          </cell>
          <cell r="P613">
            <v>2.5250807717473352E-3</v>
          </cell>
          <cell r="Q613">
            <v>2.5250807717473352E-3</v>
          </cell>
          <cell r="R613">
            <v>2.5250807717473352E-3</v>
          </cell>
          <cell r="S613">
            <v>2.5250807717473352E-3</v>
          </cell>
          <cell r="T613">
            <v>2.5250807717473352E-3</v>
          </cell>
          <cell r="U613">
            <v>2.5250807717473352E-3</v>
          </cell>
          <cell r="V613">
            <v>2.5250807717473352E-3</v>
          </cell>
          <cell r="W613">
            <v>2.5250807717473352E-3</v>
          </cell>
        </row>
        <row r="614">
          <cell r="A614" t="str">
            <v>FEX_firma_ITA_%</v>
          </cell>
          <cell r="G614">
            <v>0</v>
          </cell>
          <cell r="H614">
            <v>0</v>
          </cell>
          <cell r="I614">
            <v>0</v>
          </cell>
          <cell r="J614">
            <v>0</v>
          </cell>
          <cell r="K614">
            <v>0</v>
          </cell>
          <cell r="L614">
            <v>0</v>
          </cell>
          <cell r="M614">
            <v>0</v>
          </cell>
          <cell r="N614">
            <v>0</v>
          </cell>
          <cell r="O614">
            <v>0</v>
          </cell>
          <cell r="P614">
            <v>0</v>
          </cell>
          <cell r="Q614">
            <v>0</v>
          </cell>
          <cell r="R614">
            <v>0</v>
          </cell>
          <cell r="S614">
            <v>0</v>
          </cell>
          <cell r="T614">
            <v>0</v>
          </cell>
          <cell r="U614">
            <v>0</v>
          </cell>
          <cell r="V614">
            <v>0</v>
          </cell>
          <cell r="W614">
            <v>0</v>
          </cell>
        </row>
        <row r="615">
          <cell r="A615" t="str">
            <v>MCL_firma_ITA_%</v>
          </cell>
          <cell r="G615">
            <v>0</v>
          </cell>
          <cell r="H615">
            <v>0</v>
          </cell>
          <cell r="I615">
            <v>0</v>
          </cell>
          <cell r="J615">
            <v>0</v>
          </cell>
          <cell r="K615">
            <v>0</v>
          </cell>
          <cell r="L615">
            <v>0</v>
          </cell>
          <cell r="M615">
            <v>0</v>
          </cell>
          <cell r="N615">
            <v>0</v>
          </cell>
          <cell r="O615">
            <v>0</v>
          </cell>
          <cell r="P615">
            <v>0</v>
          </cell>
          <cell r="Q615">
            <v>0</v>
          </cell>
          <cell r="R615">
            <v>0</v>
          </cell>
          <cell r="S615">
            <v>0</v>
          </cell>
          <cell r="T615">
            <v>0</v>
          </cell>
          <cell r="U615">
            <v>0</v>
          </cell>
          <cell r="V615">
            <v>0</v>
          </cell>
          <cell r="W615">
            <v>0</v>
          </cell>
        </row>
        <row r="616">
          <cell r="A616" t="str">
            <v>MCG_firma_ITA_%</v>
          </cell>
          <cell r="G616">
            <v>0</v>
          </cell>
          <cell r="H616">
            <v>0</v>
          </cell>
          <cell r="I616">
            <v>0</v>
          </cell>
          <cell r="J616">
            <v>0</v>
          </cell>
          <cell r="K616">
            <v>0</v>
          </cell>
          <cell r="L616">
            <v>0</v>
          </cell>
          <cell r="M616">
            <v>0</v>
          </cell>
          <cell r="N616">
            <v>0</v>
          </cell>
          <cell r="O616">
            <v>0</v>
          </cell>
          <cell r="P616">
            <v>0</v>
          </cell>
          <cell r="Q616">
            <v>0</v>
          </cell>
          <cell r="R616">
            <v>0</v>
          </cell>
          <cell r="S616">
            <v>0</v>
          </cell>
          <cell r="T616">
            <v>0</v>
          </cell>
          <cell r="U616">
            <v>0</v>
          </cell>
          <cell r="V616">
            <v>0</v>
          </cell>
          <cell r="W616">
            <v>0</v>
          </cell>
        </row>
        <row r="617">
          <cell r="A617" t="str">
            <v>MLE_firma_ITA_%</v>
          </cell>
          <cell r="G617">
            <v>0</v>
          </cell>
          <cell r="H617">
            <v>0</v>
          </cell>
          <cell r="I617">
            <v>0</v>
          </cell>
          <cell r="J617">
            <v>0</v>
          </cell>
          <cell r="K617">
            <v>0</v>
          </cell>
          <cell r="L617">
            <v>0</v>
          </cell>
          <cell r="M617">
            <v>0</v>
          </cell>
          <cell r="N617">
            <v>0</v>
          </cell>
          <cell r="O617">
            <v>0</v>
          </cell>
          <cell r="P617">
            <v>0</v>
          </cell>
          <cell r="Q617">
            <v>0</v>
          </cell>
          <cell r="R617">
            <v>0</v>
          </cell>
          <cell r="S617">
            <v>0</v>
          </cell>
          <cell r="T617">
            <v>0</v>
          </cell>
          <cell r="U617">
            <v>0</v>
          </cell>
          <cell r="V617">
            <v>0</v>
          </cell>
          <cell r="W617">
            <v>0</v>
          </cell>
        </row>
        <row r="618">
          <cell r="A618" t="str">
            <v>MFA_firma_ITA_%</v>
          </cell>
          <cell r="G618">
            <v>0</v>
          </cell>
          <cell r="H618">
            <v>0</v>
          </cell>
          <cell r="I618">
            <v>0</v>
          </cell>
          <cell r="J618">
            <v>0</v>
          </cell>
          <cell r="K618">
            <v>0</v>
          </cell>
          <cell r="L618">
            <v>0</v>
          </cell>
          <cell r="M618">
            <v>0</v>
          </cell>
          <cell r="N618">
            <v>0</v>
          </cell>
          <cell r="O618">
            <v>0</v>
          </cell>
          <cell r="P618">
            <v>0</v>
          </cell>
          <cell r="Q618">
            <v>0</v>
          </cell>
          <cell r="R618">
            <v>0</v>
          </cell>
          <cell r="S618">
            <v>0</v>
          </cell>
          <cell r="T618">
            <v>0</v>
          </cell>
          <cell r="U618">
            <v>0</v>
          </cell>
          <cell r="V618">
            <v>0</v>
          </cell>
          <cell r="W618">
            <v>0</v>
          </cell>
        </row>
        <row r="619">
          <cell r="A619" t="str">
            <v>MBQ_firma_ITA_%</v>
          </cell>
          <cell r="G619">
            <v>0</v>
          </cell>
          <cell r="H619">
            <v>0</v>
          </cell>
          <cell r="I619">
            <v>0</v>
          </cell>
          <cell r="J619">
            <v>0</v>
          </cell>
          <cell r="K619">
            <v>0</v>
          </cell>
          <cell r="L619">
            <v>0</v>
          </cell>
          <cell r="M619">
            <v>0</v>
          </cell>
          <cell r="N619">
            <v>0</v>
          </cell>
          <cell r="O619">
            <v>0</v>
          </cell>
          <cell r="P619">
            <v>0</v>
          </cell>
          <cell r="Q619">
            <v>0</v>
          </cell>
          <cell r="R619">
            <v>0</v>
          </cell>
          <cell r="S619">
            <v>0</v>
          </cell>
          <cell r="T619">
            <v>0</v>
          </cell>
          <cell r="U619">
            <v>0</v>
          </cell>
          <cell r="V619">
            <v>0</v>
          </cell>
          <cell r="W619">
            <v>0</v>
          </cell>
        </row>
        <row r="620">
          <cell r="A620" t="str">
            <v>MBG_firma_ITA_%</v>
          </cell>
          <cell r="G620">
            <v>0</v>
          </cell>
          <cell r="H620">
            <v>0</v>
          </cell>
          <cell r="I620">
            <v>0</v>
          </cell>
          <cell r="J620">
            <v>0</v>
          </cell>
          <cell r="K620">
            <v>0</v>
          </cell>
          <cell r="L620">
            <v>0</v>
          </cell>
          <cell r="M620">
            <v>0</v>
          </cell>
          <cell r="N620">
            <v>0</v>
          </cell>
          <cell r="O620">
            <v>0</v>
          </cell>
          <cell r="P620">
            <v>0</v>
          </cell>
          <cell r="Q620">
            <v>0</v>
          </cell>
          <cell r="R620">
            <v>0</v>
          </cell>
          <cell r="S620">
            <v>0</v>
          </cell>
          <cell r="T620">
            <v>0</v>
          </cell>
          <cell r="U620">
            <v>0</v>
          </cell>
          <cell r="V620">
            <v>0</v>
          </cell>
          <cell r="W620">
            <v>0</v>
          </cell>
        </row>
        <row r="621">
          <cell r="A621" t="str">
            <v>WID_firma_ITA_%</v>
          </cell>
          <cell r="G621">
            <v>0</v>
          </cell>
          <cell r="H621">
            <v>0</v>
          </cell>
          <cell r="I621">
            <v>0</v>
          </cell>
          <cell r="J621">
            <v>0</v>
          </cell>
          <cell r="K621">
            <v>0</v>
          </cell>
          <cell r="L621">
            <v>0</v>
          </cell>
          <cell r="M621">
            <v>0</v>
          </cell>
          <cell r="N621">
            <v>0</v>
          </cell>
          <cell r="O621">
            <v>0</v>
          </cell>
          <cell r="P621">
            <v>0</v>
          </cell>
          <cell r="Q621">
            <v>0</v>
          </cell>
          <cell r="R621">
            <v>0</v>
          </cell>
          <cell r="S621">
            <v>0</v>
          </cell>
          <cell r="T621">
            <v>0</v>
          </cell>
          <cell r="U621">
            <v>0</v>
          </cell>
          <cell r="V621">
            <v>0</v>
          </cell>
          <cell r="W621">
            <v>0</v>
          </cell>
        </row>
        <row r="622">
          <cell r="A622" t="str">
            <v>FIN_firma_ITA_%</v>
          </cell>
          <cell r="G622">
            <v>0</v>
          </cell>
          <cell r="H622">
            <v>0</v>
          </cell>
          <cell r="I622">
            <v>0</v>
          </cell>
          <cell r="J622">
            <v>0</v>
          </cell>
          <cell r="K622">
            <v>0</v>
          </cell>
          <cell r="L622">
            <v>0</v>
          </cell>
          <cell r="M622">
            <v>0</v>
          </cell>
          <cell r="N622">
            <v>0</v>
          </cell>
          <cell r="O622">
            <v>0</v>
          </cell>
          <cell r="P622">
            <v>0</v>
          </cell>
          <cell r="Q622">
            <v>0</v>
          </cell>
          <cell r="R622">
            <v>0</v>
          </cell>
          <cell r="S622">
            <v>0</v>
          </cell>
          <cell r="T622">
            <v>0</v>
          </cell>
          <cell r="U622">
            <v>0</v>
          </cell>
          <cell r="V622">
            <v>0</v>
          </cell>
          <cell r="W622">
            <v>0</v>
          </cell>
        </row>
        <row r="623">
          <cell r="A623" t="str">
            <v>ALM_firma_ITA_%</v>
          </cell>
          <cell r="G623">
            <v>0</v>
          </cell>
          <cell r="H623">
            <v>0</v>
          </cell>
          <cell r="I623">
            <v>0</v>
          </cell>
          <cell r="J623">
            <v>0</v>
          </cell>
          <cell r="K623">
            <v>0</v>
          </cell>
          <cell r="L623">
            <v>0</v>
          </cell>
          <cell r="M623">
            <v>0</v>
          </cell>
          <cell r="N623">
            <v>0</v>
          </cell>
          <cell r="O623">
            <v>0</v>
          </cell>
          <cell r="P623">
            <v>0</v>
          </cell>
          <cell r="Q623">
            <v>0</v>
          </cell>
          <cell r="R623">
            <v>0</v>
          </cell>
          <cell r="S623">
            <v>0</v>
          </cell>
          <cell r="T623">
            <v>0</v>
          </cell>
          <cell r="U623">
            <v>0</v>
          </cell>
          <cell r="V623">
            <v>0</v>
          </cell>
          <cell r="W623">
            <v>0</v>
          </cell>
        </row>
        <row r="624">
          <cell r="A624" t="str">
            <v>FUO_firma_ITA_%</v>
          </cell>
          <cell r="G624">
            <v>1.2454091029491729E-3</v>
          </cell>
          <cell r="H624">
            <v>1.2593502496239762E-3</v>
          </cell>
          <cell r="I624">
            <v>1.2523796762865746E-3</v>
          </cell>
          <cell r="J624">
            <v>1.2523796762865746E-3</v>
          </cell>
          <cell r="K624">
            <v>1.2523796762865746E-3</v>
          </cell>
          <cell r="L624">
            <v>1.2523796762865746E-3</v>
          </cell>
          <cell r="M624">
            <v>1.2523796762865746E-3</v>
          </cell>
          <cell r="N624">
            <v>1.2523796762865746E-3</v>
          </cell>
          <cell r="O624">
            <v>1.2523796762865746E-3</v>
          </cell>
          <cell r="P624">
            <v>1.2523796762865746E-3</v>
          </cell>
          <cell r="Q624">
            <v>1.2523796762865746E-3</v>
          </cell>
          <cell r="R624">
            <v>1.2523796762865746E-3</v>
          </cell>
          <cell r="S624">
            <v>1.2523796762865746E-3</v>
          </cell>
          <cell r="T624">
            <v>1.2523796762865746E-3</v>
          </cell>
          <cell r="U624">
            <v>1.2523796762865746E-3</v>
          </cell>
          <cell r="V624">
            <v>1.2523796762865746E-3</v>
          </cell>
          <cell r="W624">
            <v>1.2523796762865746E-3</v>
          </cell>
        </row>
        <row r="625">
          <cell r="A625" t="str">
            <v>XXX_firma_ITA_%</v>
          </cell>
          <cell r="G625">
            <v>0</v>
          </cell>
          <cell r="H625">
            <v>0</v>
          </cell>
          <cell r="I625">
            <v>0</v>
          </cell>
          <cell r="J625">
            <v>0</v>
          </cell>
          <cell r="K625">
            <v>0</v>
          </cell>
          <cell r="L625">
            <v>0</v>
          </cell>
          <cell r="M625">
            <v>0</v>
          </cell>
          <cell r="N625">
            <v>0</v>
          </cell>
          <cell r="O625">
            <v>0</v>
          </cell>
          <cell r="P625">
            <v>0</v>
          </cell>
          <cell r="Q625">
            <v>0</v>
          </cell>
          <cell r="R625">
            <v>0</v>
          </cell>
          <cell r="S625">
            <v>0</v>
          </cell>
          <cell r="T625">
            <v>0</v>
          </cell>
          <cell r="U625">
            <v>0</v>
          </cell>
          <cell r="V625">
            <v>0</v>
          </cell>
          <cell r="W625">
            <v>0</v>
          </cell>
        </row>
        <row r="626">
          <cell r="G626">
            <v>0</v>
          </cell>
          <cell r="H626">
            <v>0</v>
          </cell>
          <cell r="I626">
            <v>0</v>
          </cell>
          <cell r="J626">
            <v>0</v>
          </cell>
          <cell r="K626">
            <v>0</v>
          </cell>
          <cell r="L626">
            <v>0</v>
          </cell>
          <cell r="M626">
            <v>0</v>
          </cell>
          <cell r="N626">
            <v>0</v>
          </cell>
          <cell r="O626">
            <v>0</v>
          </cell>
          <cell r="P626">
            <v>0</v>
          </cell>
          <cell r="Q626">
            <v>0</v>
          </cell>
          <cell r="R626">
            <v>0</v>
          </cell>
          <cell r="S626">
            <v>0</v>
          </cell>
          <cell r="T626">
            <v>0</v>
          </cell>
          <cell r="U626">
            <v>0</v>
          </cell>
          <cell r="V626">
            <v>0</v>
          </cell>
          <cell r="W626">
            <v>0</v>
          </cell>
        </row>
        <row r="627">
          <cell r="A627" t="str">
            <v>Val_compass_%</v>
          </cell>
          <cell r="G627">
            <v>0.10409359045993873</v>
          </cell>
          <cell r="H627">
            <v>8.0345891551226137E-2</v>
          </cell>
          <cell r="I627">
            <v>9.2219741005582431E-2</v>
          </cell>
          <cell r="J627">
            <v>9.2219741005582431E-2</v>
          </cell>
          <cell r="K627">
            <v>9.2219741005582431E-2</v>
          </cell>
          <cell r="L627">
            <v>9.2219741005582431E-2</v>
          </cell>
          <cell r="M627">
            <v>9.2219741005582431E-2</v>
          </cell>
          <cell r="N627">
            <v>9.2219741005582431E-2</v>
          </cell>
          <cell r="O627">
            <v>9.2219741005582431E-2</v>
          </cell>
          <cell r="P627">
            <v>9.2219741005582431E-2</v>
          </cell>
          <cell r="Q627">
            <v>9.2219741005582431E-2</v>
          </cell>
          <cell r="R627">
            <v>9.2219741005582431E-2</v>
          </cell>
          <cell r="S627">
            <v>9.2219741005582431E-2</v>
          </cell>
          <cell r="T627">
            <v>9.2219741005582431E-2</v>
          </cell>
          <cell r="U627">
            <v>9.2219741005582431E-2</v>
          </cell>
          <cell r="V627">
            <v>9.2219741005582431E-2</v>
          </cell>
          <cell r="W627">
            <v>9.2219741005582431E-2</v>
          </cell>
          <cell r="Y627">
            <v>0</v>
          </cell>
          <cell r="Z627">
            <v>0</v>
          </cell>
        </row>
        <row r="628">
          <cell r="A628" t="str">
            <v>Pre_compass_%</v>
          </cell>
          <cell r="G628">
            <v>5.3547658432867191E-2</v>
          </cell>
          <cell r="H628">
            <v>5.9808796642311167E-2</v>
          </cell>
          <cell r="I628">
            <v>5.6678227537589179E-2</v>
          </cell>
          <cell r="J628">
            <v>5.6678227537589179E-2</v>
          </cell>
          <cell r="K628">
            <v>5.6678227537589179E-2</v>
          </cell>
          <cell r="L628">
            <v>5.6678227537589179E-2</v>
          </cell>
          <cell r="M628">
            <v>5.6678227537589179E-2</v>
          </cell>
          <cell r="N628">
            <v>5.6678227537589179E-2</v>
          </cell>
          <cell r="O628">
            <v>5.6678227537589179E-2</v>
          </cell>
          <cell r="P628">
            <v>5.6678227537589179E-2</v>
          </cell>
          <cell r="Q628">
            <v>5.6678227537589179E-2</v>
          </cell>
          <cell r="R628">
            <v>5.6678227537589179E-2</v>
          </cell>
          <cell r="S628">
            <v>5.6678227537589179E-2</v>
          </cell>
          <cell r="T628">
            <v>5.6678227537589179E-2</v>
          </cell>
          <cell r="U628">
            <v>5.6678227537589179E-2</v>
          </cell>
          <cell r="V628">
            <v>5.6678227537589179E-2</v>
          </cell>
          <cell r="W628">
            <v>5.6678227537589179E-2</v>
          </cell>
        </row>
        <row r="629">
          <cell r="A629" t="str">
            <v>Sma_compass_%</v>
          </cell>
          <cell r="G629">
            <v>1.6747846397292234E-2</v>
          </cell>
          <cell r="H629">
            <v>8.3040509720895619E-2</v>
          </cell>
          <cell r="I629">
            <v>4.9894178059093929E-2</v>
          </cell>
          <cell r="J629">
            <v>4.9894178059093929E-2</v>
          </cell>
          <cell r="K629">
            <v>4.9894178059093929E-2</v>
          </cell>
          <cell r="L629">
            <v>4.9894178059093929E-2</v>
          </cell>
          <cell r="M629">
            <v>4.9894178059093929E-2</v>
          </cell>
          <cell r="N629">
            <v>4.9894178059093929E-2</v>
          </cell>
          <cell r="O629">
            <v>4.9894178059093929E-2</v>
          </cell>
          <cell r="P629">
            <v>4.9894178059093929E-2</v>
          </cell>
          <cell r="Q629">
            <v>4.9894178059093929E-2</v>
          </cell>
          <cell r="R629">
            <v>4.9894178059093929E-2</v>
          </cell>
          <cell r="S629">
            <v>4.9894178059093929E-2</v>
          </cell>
          <cell r="T629">
            <v>4.9894178059093929E-2</v>
          </cell>
          <cell r="U629">
            <v>4.9894178059093929E-2</v>
          </cell>
          <cell r="V629">
            <v>4.9894178059093929E-2</v>
          </cell>
          <cell r="W629">
            <v>4.9894178059093929E-2</v>
          </cell>
        </row>
        <row r="630">
          <cell r="A630" t="str">
            <v>Pri_compass_%</v>
          </cell>
          <cell r="G630">
            <v>-4.1428782486928148E-2</v>
          </cell>
          <cell r="H630">
            <v>-0.10199616457461647</v>
          </cell>
          <cell r="I630">
            <v>-7.1712473530772314E-2</v>
          </cell>
          <cell r="J630">
            <v>-7.1712473530772314E-2</v>
          </cell>
          <cell r="K630">
            <v>-7.1712473530772314E-2</v>
          </cell>
          <cell r="L630">
            <v>-7.1712473530772314E-2</v>
          </cell>
          <cell r="M630">
            <v>-7.1712473530772314E-2</v>
          </cell>
          <cell r="N630">
            <v>-7.1712473530772314E-2</v>
          </cell>
          <cell r="O630">
            <v>-7.1712473530772314E-2</v>
          </cell>
          <cell r="P630">
            <v>-7.1712473530772314E-2</v>
          </cell>
          <cell r="Q630">
            <v>-7.1712473530772314E-2</v>
          </cell>
          <cell r="R630">
            <v>-7.1712473530772314E-2</v>
          </cell>
          <cell r="S630">
            <v>-7.1712473530772314E-2</v>
          </cell>
          <cell r="T630">
            <v>-7.1712473530772314E-2</v>
          </cell>
          <cell r="U630">
            <v>-7.1712473530772314E-2</v>
          </cell>
          <cell r="V630">
            <v>-7.1712473530772314E-2</v>
          </cell>
          <cell r="W630">
            <v>-7.1712473530772314E-2</v>
          </cell>
        </row>
        <row r="631">
          <cell r="A631" t="str">
            <v>Fam_compass_%</v>
          </cell>
          <cell r="G631">
            <v>3.5731372549019605E-2</v>
          </cell>
          <cell r="H631">
            <v>0</v>
          </cell>
          <cell r="I631">
            <v>1.7865686274509802E-2</v>
          </cell>
          <cell r="J631">
            <v>1.7865686274509802E-2</v>
          </cell>
          <cell r="K631">
            <v>1.7865686274509802E-2</v>
          </cell>
          <cell r="L631">
            <v>1.7865686274509802E-2</v>
          </cell>
          <cell r="M631">
            <v>1.7865686274509802E-2</v>
          </cell>
          <cell r="N631">
            <v>1.7865686274509802E-2</v>
          </cell>
          <cell r="O631">
            <v>1.7865686274509802E-2</v>
          </cell>
          <cell r="P631">
            <v>1.7865686274509802E-2</v>
          </cell>
          <cell r="Q631">
            <v>1.7865686274509802E-2</v>
          </cell>
          <cell r="R631">
            <v>1.7865686274509802E-2</v>
          </cell>
          <cell r="S631">
            <v>1.7865686274509802E-2</v>
          </cell>
          <cell r="T631">
            <v>1.7865686274509802E-2</v>
          </cell>
          <cell r="U631">
            <v>1.7865686274509802E-2</v>
          </cell>
          <cell r="V631">
            <v>1.7865686274509802E-2</v>
          </cell>
          <cell r="W631">
            <v>1.7865686274509802E-2</v>
          </cell>
        </row>
        <row r="632">
          <cell r="A632" t="str">
            <v>PMI_compass_%</v>
          </cell>
          <cell r="G632">
            <v>0</v>
          </cell>
          <cell r="H632">
            <v>0</v>
          </cell>
          <cell r="I632">
            <v>0</v>
          </cell>
          <cell r="J632">
            <v>0</v>
          </cell>
          <cell r="K632">
            <v>0</v>
          </cell>
          <cell r="L632">
            <v>0</v>
          </cell>
          <cell r="M632">
            <v>0</v>
          </cell>
          <cell r="N632">
            <v>0</v>
          </cell>
          <cell r="O632">
            <v>0</v>
          </cell>
          <cell r="P632">
            <v>0</v>
          </cell>
          <cell r="Q632">
            <v>0</v>
          </cell>
          <cell r="R632">
            <v>0</v>
          </cell>
          <cell r="S632">
            <v>0</v>
          </cell>
          <cell r="T632">
            <v>0</v>
          </cell>
          <cell r="U632">
            <v>0</v>
          </cell>
          <cell r="V632">
            <v>0</v>
          </cell>
          <cell r="W632">
            <v>0</v>
          </cell>
        </row>
        <row r="633">
          <cell r="A633" t="str">
            <v>ENT_compass_%</v>
          </cell>
          <cell r="G633">
            <v>0</v>
          </cell>
          <cell r="H633">
            <v>0</v>
          </cell>
          <cell r="I633">
            <v>0</v>
          </cell>
          <cell r="J633">
            <v>0</v>
          </cell>
          <cell r="K633">
            <v>0</v>
          </cell>
          <cell r="L633">
            <v>0</v>
          </cell>
          <cell r="M633">
            <v>0</v>
          </cell>
          <cell r="N633">
            <v>0</v>
          </cell>
          <cell r="O633">
            <v>0</v>
          </cell>
          <cell r="P633">
            <v>0</v>
          </cell>
          <cell r="Q633">
            <v>0</v>
          </cell>
          <cell r="R633">
            <v>0</v>
          </cell>
          <cell r="S633">
            <v>0</v>
          </cell>
          <cell r="T633">
            <v>0</v>
          </cell>
          <cell r="U633">
            <v>0</v>
          </cell>
          <cell r="V633">
            <v>0</v>
          </cell>
          <cell r="W633">
            <v>0</v>
          </cell>
        </row>
        <row r="634">
          <cell r="A634" t="str">
            <v>Cor_compass_%</v>
          </cell>
          <cell r="G634">
            <v>0</v>
          </cell>
          <cell r="H634">
            <v>0</v>
          </cell>
          <cell r="I634">
            <v>0</v>
          </cell>
          <cell r="J634">
            <v>0</v>
          </cell>
          <cell r="K634">
            <v>0</v>
          </cell>
          <cell r="L634">
            <v>0</v>
          </cell>
          <cell r="M634">
            <v>0</v>
          </cell>
          <cell r="N634">
            <v>0</v>
          </cell>
          <cell r="O634">
            <v>0</v>
          </cell>
          <cell r="P634">
            <v>0</v>
          </cell>
          <cell r="Q634">
            <v>0</v>
          </cell>
          <cell r="R634">
            <v>0</v>
          </cell>
          <cell r="S634">
            <v>0</v>
          </cell>
          <cell r="T634">
            <v>0</v>
          </cell>
          <cell r="U634">
            <v>0</v>
          </cell>
          <cell r="V634">
            <v>0</v>
          </cell>
          <cell r="W634">
            <v>0</v>
          </cell>
        </row>
        <row r="635">
          <cell r="A635" t="str">
            <v>Gra_compass_%</v>
          </cell>
          <cell r="G635">
            <v>0</v>
          </cell>
          <cell r="H635">
            <v>0</v>
          </cell>
          <cell r="I635">
            <v>0</v>
          </cell>
          <cell r="J635">
            <v>0</v>
          </cell>
          <cell r="K635">
            <v>0</v>
          </cell>
          <cell r="L635">
            <v>0</v>
          </cell>
          <cell r="M635">
            <v>0</v>
          </cell>
          <cell r="N635">
            <v>0</v>
          </cell>
          <cell r="O635">
            <v>0</v>
          </cell>
          <cell r="P635">
            <v>0</v>
          </cell>
          <cell r="Q635">
            <v>0</v>
          </cell>
          <cell r="R635">
            <v>0</v>
          </cell>
          <cell r="S635">
            <v>0</v>
          </cell>
          <cell r="T635">
            <v>0</v>
          </cell>
          <cell r="U635">
            <v>0</v>
          </cell>
          <cell r="V635">
            <v>0</v>
          </cell>
          <cell r="W635">
            <v>0</v>
          </cell>
        </row>
        <row r="636">
          <cell r="A636" t="str">
            <v>FEX_compass_%</v>
          </cell>
          <cell r="G636">
            <v>0</v>
          </cell>
          <cell r="H636">
            <v>0</v>
          </cell>
          <cell r="I636">
            <v>0</v>
          </cell>
          <cell r="J636">
            <v>0</v>
          </cell>
          <cell r="K636">
            <v>0</v>
          </cell>
          <cell r="L636">
            <v>0</v>
          </cell>
          <cell r="M636">
            <v>0</v>
          </cell>
          <cell r="N636">
            <v>0</v>
          </cell>
          <cell r="O636">
            <v>0</v>
          </cell>
          <cell r="P636">
            <v>0</v>
          </cell>
          <cell r="Q636">
            <v>0</v>
          </cell>
          <cell r="R636">
            <v>0</v>
          </cell>
          <cell r="S636">
            <v>0</v>
          </cell>
          <cell r="T636">
            <v>0</v>
          </cell>
          <cell r="U636">
            <v>0</v>
          </cell>
          <cell r="V636">
            <v>0</v>
          </cell>
          <cell r="W636">
            <v>0</v>
          </cell>
        </row>
        <row r="637">
          <cell r="A637" t="str">
            <v>MCL_compass_%</v>
          </cell>
          <cell r="G637">
            <v>0</v>
          </cell>
          <cell r="H637">
            <v>0</v>
          </cell>
          <cell r="I637">
            <v>0</v>
          </cell>
          <cell r="J637">
            <v>0</v>
          </cell>
          <cell r="K637">
            <v>0</v>
          </cell>
          <cell r="L637">
            <v>0</v>
          </cell>
          <cell r="M637">
            <v>0</v>
          </cell>
          <cell r="N637">
            <v>0</v>
          </cell>
          <cell r="O637">
            <v>0</v>
          </cell>
          <cell r="P637">
            <v>0</v>
          </cell>
          <cell r="Q637">
            <v>0</v>
          </cell>
          <cell r="R637">
            <v>0</v>
          </cell>
          <cell r="S637">
            <v>0</v>
          </cell>
          <cell r="T637">
            <v>0</v>
          </cell>
          <cell r="U637">
            <v>0</v>
          </cell>
          <cell r="V637">
            <v>0</v>
          </cell>
          <cell r="W637">
            <v>0</v>
          </cell>
        </row>
        <row r="638">
          <cell r="A638" t="str">
            <v>MCG_compass_%</v>
          </cell>
          <cell r="G638">
            <v>0</v>
          </cell>
          <cell r="H638">
            <v>0</v>
          </cell>
          <cell r="I638">
            <v>0</v>
          </cell>
          <cell r="J638">
            <v>0</v>
          </cell>
          <cell r="K638">
            <v>0</v>
          </cell>
          <cell r="L638">
            <v>0</v>
          </cell>
          <cell r="M638">
            <v>0</v>
          </cell>
          <cell r="N638">
            <v>0</v>
          </cell>
          <cell r="O638">
            <v>0</v>
          </cell>
          <cell r="P638">
            <v>0</v>
          </cell>
          <cell r="Q638">
            <v>0</v>
          </cell>
          <cell r="R638">
            <v>0</v>
          </cell>
          <cell r="S638">
            <v>0</v>
          </cell>
          <cell r="T638">
            <v>0</v>
          </cell>
          <cell r="U638">
            <v>0</v>
          </cell>
          <cell r="V638">
            <v>0</v>
          </cell>
          <cell r="W638">
            <v>0</v>
          </cell>
        </row>
        <row r="639">
          <cell r="A639" t="str">
            <v>MLE_compass_%</v>
          </cell>
          <cell r="G639">
            <v>0</v>
          </cell>
          <cell r="H639">
            <v>0</v>
          </cell>
          <cell r="I639">
            <v>0</v>
          </cell>
          <cell r="J639">
            <v>0</v>
          </cell>
          <cell r="K639">
            <v>0</v>
          </cell>
          <cell r="L639">
            <v>0</v>
          </cell>
          <cell r="M639">
            <v>0</v>
          </cell>
          <cell r="N639">
            <v>0</v>
          </cell>
          <cell r="O639">
            <v>0</v>
          </cell>
          <cell r="P639">
            <v>0</v>
          </cell>
          <cell r="Q639">
            <v>0</v>
          </cell>
          <cell r="R639">
            <v>0</v>
          </cell>
          <cell r="S639">
            <v>0</v>
          </cell>
          <cell r="T639">
            <v>0</v>
          </cell>
          <cell r="U639">
            <v>0</v>
          </cell>
          <cell r="V639">
            <v>0</v>
          </cell>
          <cell r="W639">
            <v>0</v>
          </cell>
        </row>
        <row r="640">
          <cell r="A640" t="str">
            <v>MFA_compass_%</v>
          </cell>
          <cell r="G640">
            <v>0</v>
          </cell>
          <cell r="H640">
            <v>0</v>
          </cell>
          <cell r="I640">
            <v>0</v>
          </cell>
          <cell r="J640">
            <v>0</v>
          </cell>
          <cell r="K640">
            <v>0</v>
          </cell>
          <cell r="L640">
            <v>0</v>
          </cell>
          <cell r="M640">
            <v>0</v>
          </cell>
          <cell r="N640">
            <v>0</v>
          </cell>
          <cell r="O640">
            <v>0</v>
          </cell>
          <cell r="P640">
            <v>0</v>
          </cell>
          <cell r="Q640">
            <v>0</v>
          </cell>
          <cell r="R640">
            <v>0</v>
          </cell>
          <cell r="S640">
            <v>0</v>
          </cell>
          <cell r="T640">
            <v>0</v>
          </cell>
          <cell r="U640">
            <v>0</v>
          </cell>
          <cell r="V640">
            <v>0</v>
          </cell>
          <cell r="W640">
            <v>0</v>
          </cell>
        </row>
        <row r="641">
          <cell r="A641" t="str">
            <v>MBQ_compass_%</v>
          </cell>
          <cell r="G641">
            <v>0</v>
          </cell>
          <cell r="H641">
            <v>0</v>
          </cell>
          <cell r="I641">
            <v>0</v>
          </cell>
          <cell r="J641">
            <v>0</v>
          </cell>
          <cell r="K641">
            <v>0</v>
          </cell>
          <cell r="L641">
            <v>0</v>
          </cell>
          <cell r="M641">
            <v>0</v>
          </cell>
          <cell r="N641">
            <v>0</v>
          </cell>
          <cell r="O641">
            <v>0</v>
          </cell>
          <cell r="P641">
            <v>0</v>
          </cell>
          <cell r="Q641">
            <v>0</v>
          </cell>
          <cell r="R641">
            <v>0</v>
          </cell>
          <cell r="S641">
            <v>0</v>
          </cell>
          <cell r="T641">
            <v>0</v>
          </cell>
          <cell r="U641">
            <v>0</v>
          </cell>
          <cell r="V641">
            <v>0</v>
          </cell>
          <cell r="W641">
            <v>0</v>
          </cell>
        </row>
        <row r="642">
          <cell r="A642" t="str">
            <v>MBG_compass_%</v>
          </cell>
          <cell r="G642">
            <v>0</v>
          </cell>
          <cell r="H642">
            <v>0</v>
          </cell>
          <cell r="I642">
            <v>0</v>
          </cell>
          <cell r="J642">
            <v>0</v>
          </cell>
          <cell r="K642">
            <v>0</v>
          </cell>
          <cell r="L642">
            <v>0</v>
          </cell>
          <cell r="M642">
            <v>0</v>
          </cell>
          <cell r="N642">
            <v>0</v>
          </cell>
          <cell r="O642">
            <v>0</v>
          </cell>
          <cell r="P642">
            <v>0</v>
          </cell>
          <cell r="Q642">
            <v>0</v>
          </cell>
          <cell r="R642">
            <v>0</v>
          </cell>
          <cell r="S642">
            <v>0</v>
          </cell>
          <cell r="T642">
            <v>0</v>
          </cell>
          <cell r="U642">
            <v>0</v>
          </cell>
          <cell r="V642">
            <v>0</v>
          </cell>
          <cell r="W642">
            <v>0</v>
          </cell>
        </row>
        <row r="643">
          <cell r="A643" t="str">
            <v>WID_compass_%</v>
          </cell>
          <cell r="G643">
            <v>0</v>
          </cell>
          <cell r="H643">
            <v>0</v>
          </cell>
          <cell r="I643">
            <v>0</v>
          </cell>
          <cell r="J643">
            <v>0</v>
          </cell>
          <cell r="K643">
            <v>0</v>
          </cell>
          <cell r="L643">
            <v>0</v>
          </cell>
          <cell r="M643">
            <v>0</v>
          </cell>
          <cell r="N643">
            <v>0</v>
          </cell>
          <cell r="O643">
            <v>0</v>
          </cell>
          <cell r="P643">
            <v>0</v>
          </cell>
          <cell r="Q643">
            <v>0</v>
          </cell>
          <cell r="R643">
            <v>0</v>
          </cell>
          <cell r="S643">
            <v>0</v>
          </cell>
          <cell r="T643">
            <v>0</v>
          </cell>
          <cell r="U643">
            <v>0</v>
          </cell>
          <cell r="V643">
            <v>0</v>
          </cell>
          <cell r="W643">
            <v>0</v>
          </cell>
        </row>
        <row r="644">
          <cell r="A644" t="str">
            <v>FIN_compass_%</v>
          </cell>
          <cell r="G644">
            <v>0</v>
          </cell>
          <cell r="H644">
            <v>0</v>
          </cell>
          <cell r="I644">
            <v>0</v>
          </cell>
          <cell r="J644">
            <v>0</v>
          </cell>
          <cell r="K644">
            <v>0</v>
          </cell>
          <cell r="L644">
            <v>0</v>
          </cell>
          <cell r="M644">
            <v>0</v>
          </cell>
          <cell r="N644">
            <v>0</v>
          </cell>
          <cell r="O644">
            <v>0</v>
          </cell>
          <cell r="P644">
            <v>0</v>
          </cell>
          <cell r="Q644">
            <v>0</v>
          </cell>
          <cell r="R644">
            <v>0</v>
          </cell>
          <cell r="S644">
            <v>0</v>
          </cell>
          <cell r="T644">
            <v>0</v>
          </cell>
          <cell r="U644">
            <v>0</v>
          </cell>
          <cell r="V644">
            <v>0</v>
          </cell>
          <cell r="W644">
            <v>0</v>
          </cell>
        </row>
        <row r="645">
          <cell r="A645" t="str">
            <v>ALM_compass_%</v>
          </cell>
          <cell r="G645">
            <v>0</v>
          </cell>
          <cell r="H645">
            <v>0</v>
          </cell>
          <cell r="I645">
            <v>0</v>
          </cell>
          <cell r="J645">
            <v>0</v>
          </cell>
          <cell r="K645">
            <v>0</v>
          </cell>
          <cell r="L645">
            <v>0</v>
          </cell>
          <cell r="M645">
            <v>0</v>
          </cell>
          <cell r="N645">
            <v>0</v>
          </cell>
          <cell r="O645">
            <v>0</v>
          </cell>
          <cell r="P645">
            <v>0</v>
          </cell>
          <cell r="Q645">
            <v>0</v>
          </cell>
          <cell r="R645">
            <v>0</v>
          </cell>
          <cell r="S645">
            <v>0</v>
          </cell>
          <cell r="T645">
            <v>0</v>
          </cell>
          <cell r="U645">
            <v>0</v>
          </cell>
          <cell r="V645">
            <v>0</v>
          </cell>
          <cell r="W645">
            <v>0</v>
          </cell>
        </row>
        <row r="646">
          <cell r="A646" t="str">
            <v>FUO_compass_%</v>
          </cell>
          <cell r="G646">
            <v>0</v>
          </cell>
          <cell r="H646">
            <v>0</v>
          </cell>
          <cell r="I646">
            <v>0</v>
          </cell>
          <cell r="J646">
            <v>0</v>
          </cell>
          <cell r="K646">
            <v>0</v>
          </cell>
          <cell r="L646">
            <v>0</v>
          </cell>
          <cell r="M646">
            <v>0</v>
          </cell>
          <cell r="N646">
            <v>0</v>
          </cell>
          <cell r="O646">
            <v>0</v>
          </cell>
          <cell r="P646">
            <v>0</v>
          </cell>
          <cell r="Q646">
            <v>0</v>
          </cell>
          <cell r="R646">
            <v>0</v>
          </cell>
          <cell r="S646">
            <v>0</v>
          </cell>
          <cell r="T646">
            <v>0</v>
          </cell>
          <cell r="U646">
            <v>0</v>
          </cell>
          <cell r="V646">
            <v>0</v>
          </cell>
          <cell r="W646">
            <v>0</v>
          </cell>
        </row>
        <row r="647">
          <cell r="A647" t="str">
            <v>XXX_compass_%</v>
          </cell>
          <cell r="G647">
            <v>0</v>
          </cell>
          <cell r="H647">
            <v>0</v>
          </cell>
          <cell r="I647">
            <v>0</v>
          </cell>
          <cell r="J647">
            <v>0</v>
          </cell>
          <cell r="K647">
            <v>0</v>
          </cell>
          <cell r="L647">
            <v>0</v>
          </cell>
          <cell r="M647">
            <v>0</v>
          </cell>
          <cell r="N647">
            <v>0</v>
          </cell>
          <cell r="O647">
            <v>0</v>
          </cell>
          <cell r="P647">
            <v>0</v>
          </cell>
          <cell r="Q647">
            <v>0</v>
          </cell>
          <cell r="R647">
            <v>0</v>
          </cell>
          <cell r="S647">
            <v>0</v>
          </cell>
          <cell r="T647">
            <v>0</v>
          </cell>
          <cell r="U647">
            <v>0</v>
          </cell>
          <cell r="V647">
            <v>0</v>
          </cell>
          <cell r="W647">
            <v>0</v>
          </cell>
        </row>
        <row r="648">
          <cell r="G648">
            <v>0</v>
          </cell>
          <cell r="H648">
            <v>0</v>
          </cell>
          <cell r="I648">
            <v>0</v>
          </cell>
          <cell r="J648">
            <v>0</v>
          </cell>
          <cell r="K648">
            <v>0</v>
          </cell>
          <cell r="L648">
            <v>0</v>
          </cell>
          <cell r="M648">
            <v>0</v>
          </cell>
          <cell r="N648">
            <v>0</v>
          </cell>
          <cell r="O648">
            <v>0</v>
          </cell>
          <cell r="P648">
            <v>0</v>
          </cell>
          <cell r="Q648">
            <v>0</v>
          </cell>
          <cell r="R648">
            <v>0</v>
          </cell>
          <cell r="S648">
            <v>0</v>
          </cell>
          <cell r="T648">
            <v>0</v>
          </cell>
          <cell r="U648">
            <v>0</v>
          </cell>
          <cell r="V648">
            <v>0</v>
          </cell>
          <cell r="W648">
            <v>0</v>
          </cell>
        </row>
        <row r="649">
          <cell r="A649" t="str">
            <v>Val_tp_MCL_%</v>
          </cell>
          <cell r="G649">
            <v>5.2593142753445882E-7</v>
          </cell>
          <cell r="H649">
            <v>3.7295518060436956E-7</v>
          </cell>
          <cell r="I649">
            <v>4.4944330406941419E-7</v>
          </cell>
          <cell r="J649">
            <v>4.4944330406941419E-7</v>
          </cell>
          <cell r="K649">
            <v>4.4944330406941419E-7</v>
          </cell>
          <cell r="L649">
            <v>4.4944330406941419E-7</v>
          </cell>
          <cell r="M649">
            <v>4.4944330406941419E-7</v>
          </cell>
          <cell r="N649">
            <v>4.4944330406941419E-7</v>
          </cell>
          <cell r="O649">
            <v>4.4944330406941419E-7</v>
          </cell>
          <cell r="P649">
            <v>4.4944330406941419E-7</v>
          </cell>
          <cell r="Q649">
            <v>4.4944330406941419E-7</v>
          </cell>
          <cell r="R649">
            <v>4.4944330406941419E-7</v>
          </cell>
          <cell r="S649">
            <v>4.4944330406941419E-7</v>
          </cell>
          <cell r="T649">
            <v>4.4944330406941419E-7</v>
          </cell>
          <cell r="U649">
            <v>4.4944330406941419E-7</v>
          </cell>
          <cell r="V649">
            <v>4.4944330406941419E-7</v>
          </cell>
          <cell r="W649">
            <v>4.4944330406941419E-7</v>
          </cell>
          <cell r="Y649">
            <v>0</v>
          </cell>
          <cell r="Z649">
            <v>0</v>
          </cell>
        </row>
        <row r="650">
          <cell r="A650" t="str">
            <v>Pre_tp_MCL_%</v>
          </cell>
          <cell r="G650">
            <v>0</v>
          </cell>
          <cell r="H650">
            <v>0</v>
          </cell>
          <cell r="I650">
            <v>0</v>
          </cell>
          <cell r="J650">
            <v>0</v>
          </cell>
          <cell r="K650">
            <v>0</v>
          </cell>
          <cell r="L650">
            <v>0</v>
          </cell>
          <cell r="M650">
            <v>0</v>
          </cell>
          <cell r="N650">
            <v>0</v>
          </cell>
          <cell r="O650">
            <v>0</v>
          </cell>
          <cell r="P650">
            <v>0</v>
          </cell>
          <cell r="Q650">
            <v>0</v>
          </cell>
          <cell r="R650">
            <v>0</v>
          </cell>
          <cell r="S650">
            <v>0</v>
          </cell>
          <cell r="T650">
            <v>0</v>
          </cell>
          <cell r="U650">
            <v>0</v>
          </cell>
          <cell r="V650">
            <v>0</v>
          </cell>
          <cell r="W650">
            <v>0</v>
          </cell>
        </row>
        <row r="651">
          <cell r="A651" t="str">
            <v>Sma_tp_MCL_%</v>
          </cell>
          <cell r="G651">
            <v>0</v>
          </cell>
          <cell r="H651">
            <v>0</v>
          </cell>
          <cell r="I651">
            <v>0</v>
          </cell>
          <cell r="J651">
            <v>0</v>
          </cell>
          <cell r="K651">
            <v>0</v>
          </cell>
          <cell r="L651">
            <v>0</v>
          </cell>
          <cell r="M651">
            <v>0</v>
          </cell>
          <cell r="N651">
            <v>0</v>
          </cell>
          <cell r="O651">
            <v>0</v>
          </cell>
          <cell r="P651">
            <v>0</v>
          </cell>
          <cell r="Q651">
            <v>0</v>
          </cell>
          <cell r="R651">
            <v>0</v>
          </cell>
          <cell r="S651">
            <v>0</v>
          </cell>
          <cell r="T651">
            <v>0</v>
          </cell>
          <cell r="U651">
            <v>0</v>
          </cell>
          <cell r="V651">
            <v>0</v>
          </cell>
          <cell r="W651">
            <v>0</v>
          </cell>
        </row>
        <row r="652">
          <cell r="A652" t="str">
            <v>Pri_tp_MCL_%</v>
          </cell>
          <cell r="G652">
            <v>0</v>
          </cell>
          <cell r="H652">
            <v>0</v>
          </cell>
          <cell r="I652">
            <v>0</v>
          </cell>
          <cell r="J652">
            <v>0</v>
          </cell>
          <cell r="K652">
            <v>0</v>
          </cell>
          <cell r="L652">
            <v>0</v>
          </cell>
          <cell r="M652">
            <v>0</v>
          </cell>
          <cell r="N652">
            <v>0</v>
          </cell>
          <cell r="O652">
            <v>0</v>
          </cell>
          <cell r="P652">
            <v>0</v>
          </cell>
          <cell r="Q652">
            <v>0</v>
          </cell>
          <cell r="R652">
            <v>0</v>
          </cell>
          <cell r="S652">
            <v>0</v>
          </cell>
          <cell r="T652">
            <v>0</v>
          </cell>
          <cell r="U652">
            <v>0</v>
          </cell>
          <cell r="V652">
            <v>0</v>
          </cell>
          <cell r="W652">
            <v>0</v>
          </cell>
        </row>
        <row r="653">
          <cell r="A653" t="str">
            <v>Fam_tp_MCL_%</v>
          </cell>
          <cell r="G653">
            <v>0</v>
          </cell>
          <cell r="H653">
            <v>0</v>
          </cell>
          <cell r="I653">
            <v>0</v>
          </cell>
          <cell r="J653">
            <v>0</v>
          </cell>
          <cell r="K653">
            <v>0</v>
          </cell>
          <cell r="L653">
            <v>0</v>
          </cell>
          <cell r="M653">
            <v>0</v>
          </cell>
          <cell r="N653">
            <v>0</v>
          </cell>
          <cell r="O653">
            <v>0</v>
          </cell>
          <cell r="P653">
            <v>0</v>
          </cell>
          <cell r="Q653">
            <v>0</v>
          </cell>
          <cell r="R653">
            <v>0</v>
          </cell>
          <cell r="S653">
            <v>0</v>
          </cell>
          <cell r="T653">
            <v>0</v>
          </cell>
          <cell r="U653">
            <v>0</v>
          </cell>
          <cell r="V653">
            <v>0</v>
          </cell>
          <cell r="W653">
            <v>0</v>
          </cell>
        </row>
        <row r="654">
          <cell r="A654" t="str">
            <v>PMI_tp_MCL_%</v>
          </cell>
          <cell r="G654">
            <v>0</v>
          </cell>
          <cell r="H654">
            <v>0</v>
          </cell>
          <cell r="I654">
            <v>0</v>
          </cell>
          <cell r="J654">
            <v>0</v>
          </cell>
          <cell r="K654">
            <v>0</v>
          </cell>
          <cell r="L654">
            <v>0</v>
          </cell>
          <cell r="M654">
            <v>0</v>
          </cell>
          <cell r="N654">
            <v>0</v>
          </cell>
          <cell r="O654">
            <v>0</v>
          </cell>
          <cell r="P654">
            <v>0</v>
          </cell>
          <cell r="Q654">
            <v>0</v>
          </cell>
          <cell r="R654">
            <v>0</v>
          </cell>
          <cell r="S654">
            <v>0</v>
          </cell>
          <cell r="T654">
            <v>0</v>
          </cell>
          <cell r="U654">
            <v>0</v>
          </cell>
          <cell r="V654">
            <v>0</v>
          </cell>
          <cell r="W654">
            <v>0</v>
          </cell>
        </row>
        <row r="655">
          <cell r="A655" t="str">
            <v>ENT_tp_MCL_%</v>
          </cell>
          <cell r="G655">
            <v>0</v>
          </cell>
          <cell r="H655">
            <v>0</v>
          </cell>
          <cell r="I655">
            <v>0</v>
          </cell>
          <cell r="J655">
            <v>0</v>
          </cell>
          <cell r="K655">
            <v>0</v>
          </cell>
          <cell r="L655">
            <v>0</v>
          </cell>
          <cell r="M655">
            <v>0</v>
          </cell>
          <cell r="N655">
            <v>0</v>
          </cell>
          <cell r="O655">
            <v>0</v>
          </cell>
          <cell r="P655">
            <v>0</v>
          </cell>
          <cell r="Q655">
            <v>0</v>
          </cell>
          <cell r="R655">
            <v>0</v>
          </cell>
          <cell r="S655">
            <v>0</v>
          </cell>
          <cell r="T655">
            <v>0</v>
          </cell>
          <cell r="U655">
            <v>0</v>
          </cell>
          <cell r="V655">
            <v>0</v>
          </cell>
          <cell r="W655">
            <v>0</v>
          </cell>
        </row>
        <row r="656">
          <cell r="A656" t="str">
            <v>Cor_tp_MCL_%</v>
          </cell>
          <cell r="G656">
            <v>0</v>
          </cell>
          <cell r="H656">
            <v>0</v>
          </cell>
          <cell r="I656">
            <v>0</v>
          </cell>
          <cell r="J656">
            <v>0</v>
          </cell>
          <cell r="K656">
            <v>0</v>
          </cell>
          <cell r="L656">
            <v>0</v>
          </cell>
          <cell r="M656">
            <v>0</v>
          </cell>
          <cell r="N656">
            <v>0</v>
          </cell>
          <cell r="O656">
            <v>0</v>
          </cell>
          <cell r="P656">
            <v>0</v>
          </cell>
          <cell r="Q656">
            <v>0</v>
          </cell>
          <cell r="R656">
            <v>0</v>
          </cell>
          <cell r="S656">
            <v>0</v>
          </cell>
          <cell r="T656">
            <v>0</v>
          </cell>
          <cell r="U656">
            <v>0</v>
          </cell>
          <cell r="V656">
            <v>0</v>
          </cell>
          <cell r="W656">
            <v>0</v>
          </cell>
        </row>
        <row r="657">
          <cell r="A657" t="str">
            <v>Gra_tp_MCL_%</v>
          </cell>
          <cell r="G657">
            <v>0</v>
          </cell>
          <cell r="H657">
            <v>0</v>
          </cell>
          <cell r="I657">
            <v>0</v>
          </cell>
          <cell r="J657">
            <v>0</v>
          </cell>
          <cell r="K657">
            <v>0</v>
          </cell>
          <cell r="L657">
            <v>0</v>
          </cell>
          <cell r="M657">
            <v>0</v>
          </cell>
          <cell r="N657">
            <v>0</v>
          </cell>
          <cell r="O657">
            <v>0</v>
          </cell>
          <cell r="P657">
            <v>0</v>
          </cell>
          <cell r="Q657">
            <v>0</v>
          </cell>
          <cell r="R657">
            <v>0</v>
          </cell>
          <cell r="S657">
            <v>0</v>
          </cell>
          <cell r="T657">
            <v>0</v>
          </cell>
          <cell r="U657">
            <v>0</v>
          </cell>
          <cell r="V657">
            <v>0</v>
          </cell>
          <cell r="W657">
            <v>0</v>
          </cell>
        </row>
        <row r="658">
          <cell r="A658" t="str">
            <v>FEX_tp_MCL_%</v>
          </cell>
          <cell r="G658">
            <v>0</v>
          </cell>
          <cell r="H658">
            <v>0</v>
          </cell>
          <cell r="I658">
            <v>0</v>
          </cell>
          <cell r="J658">
            <v>0</v>
          </cell>
          <cell r="K658">
            <v>0</v>
          </cell>
          <cell r="L658">
            <v>0</v>
          </cell>
          <cell r="M658">
            <v>0</v>
          </cell>
          <cell r="N658">
            <v>0</v>
          </cell>
          <cell r="O658">
            <v>0</v>
          </cell>
          <cell r="P658">
            <v>0</v>
          </cell>
          <cell r="Q658">
            <v>0</v>
          </cell>
          <cell r="R658">
            <v>0</v>
          </cell>
          <cell r="S658">
            <v>0</v>
          </cell>
          <cell r="T658">
            <v>0</v>
          </cell>
          <cell r="U658">
            <v>0</v>
          </cell>
          <cell r="V658">
            <v>0</v>
          </cell>
          <cell r="W658">
            <v>0</v>
          </cell>
        </row>
        <row r="659">
          <cell r="A659" t="str">
            <v>MCL_tp_MCL_%</v>
          </cell>
          <cell r="G659">
            <v>0</v>
          </cell>
          <cell r="H659">
            <v>0</v>
          </cell>
          <cell r="I659">
            <v>0</v>
          </cell>
          <cell r="J659">
            <v>0</v>
          </cell>
          <cell r="K659">
            <v>0</v>
          </cell>
          <cell r="L659">
            <v>0</v>
          </cell>
          <cell r="M659">
            <v>0</v>
          </cell>
          <cell r="N659">
            <v>0</v>
          </cell>
          <cell r="O659">
            <v>0</v>
          </cell>
          <cell r="P659">
            <v>0</v>
          </cell>
          <cell r="Q659">
            <v>0</v>
          </cell>
          <cell r="R659">
            <v>0</v>
          </cell>
          <cell r="S659">
            <v>0</v>
          </cell>
          <cell r="T659">
            <v>0</v>
          </cell>
          <cell r="U659">
            <v>0</v>
          </cell>
          <cell r="V659">
            <v>0</v>
          </cell>
          <cell r="W659">
            <v>0</v>
          </cell>
        </row>
        <row r="660">
          <cell r="A660" t="str">
            <v>MCG_tp_MCL_%</v>
          </cell>
          <cell r="G660">
            <v>0</v>
          </cell>
          <cell r="H660">
            <v>0</v>
          </cell>
          <cell r="I660">
            <v>0</v>
          </cell>
          <cell r="J660">
            <v>0</v>
          </cell>
          <cell r="K660">
            <v>0</v>
          </cell>
          <cell r="L660">
            <v>0</v>
          </cell>
          <cell r="M660">
            <v>0</v>
          </cell>
          <cell r="N660">
            <v>0</v>
          </cell>
          <cell r="O660">
            <v>0</v>
          </cell>
          <cell r="P660">
            <v>0</v>
          </cell>
          <cell r="Q660">
            <v>0</v>
          </cell>
          <cell r="R660">
            <v>0</v>
          </cell>
          <cell r="S660">
            <v>0</v>
          </cell>
          <cell r="T660">
            <v>0</v>
          </cell>
          <cell r="U660">
            <v>0</v>
          </cell>
          <cell r="V660">
            <v>0</v>
          </cell>
          <cell r="W660">
            <v>0</v>
          </cell>
        </row>
        <row r="661">
          <cell r="A661" t="str">
            <v>MLE_tp_MCL_%</v>
          </cell>
          <cell r="G661">
            <v>0</v>
          </cell>
          <cell r="H661">
            <v>0</v>
          </cell>
          <cell r="I661">
            <v>0</v>
          </cell>
          <cell r="J661">
            <v>0</v>
          </cell>
          <cell r="K661">
            <v>0</v>
          </cell>
          <cell r="L661">
            <v>0</v>
          </cell>
          <cell r="M661">
            <v>0</v>
          </cell>
          <cell r="N661">
            <v>0</v>
          </cell>
          <cell r="O661">
            <v>0</v>
          </cell>
          <cell r="P661">
            <v>0</v>
          </cell>
          <cell r="Q661">
            <v>0</v>
          </cell>
          <cell r="R661">
            <v>0</v>
          </cell>
          <cell r="S661">
            <v>0</v>
          </cell>
          <cell r="T661">
            <v>0</v>
          </cell>
          <cell r="U661">
            <v>0</v>
          </cell>
          <cell r="V661">
            <v>0</v>
          </cell>
          <cell r="W661">
            <v>0</v>
          </cell>
        </row>
        <row r="662">
          <cell r="A662" t="str">
            <v>MFA_tp_MCL_%</v>
          </cell>
          <cell r="G662">
            <v>0</v>
          </cell>
          <cell r="H662">
            <v>0</v>
          </cell>
          <cell r="I662">
            <v>0</v>
          </cell>
          <cell r="J662">
            <v>0</v>
          </cell>
          <cell r="K662">
            <v>0</v>
          </cell>
          <cell r="L662">
            <v>0</v>
          </cell>
          <cell r="M662">
            <v>0</v>
          </cell>
          <cell r="N662">
            <v>0</v>
          </cell>
          <cell r="O662">
            <v>0</v>
          </cell>
          <cell r="P662">
            <v>0</v>
          </cell>
          <cell r="Q662">
            <v>0</v>
          </cell>
          <cell r="R662">
            <v>0</v>
          </cell>
          <cell r="S662">
            <v>0</v>
          </cell>
          <cell r="T662">
            <v>0</v>
          </cell>
          <cell r="U662">
            <v>0</v>
          </cell>
          <cell r="V662">
            <v>0</v>
          </cell>
          <cell r="W662">
            <v>0</v>
          </cell>
        </row>
        <row r="663">
          <cell r="A663" t="str">
            <v>MBQ_tp_MCL_%</v>
          </cell>
          <cell r="G663">
            <v>0</v>
          </cell>
          <cell r="H663">
            <v>0</v>
          </cell>
          <cell r="I663">
            <v>0</v>
          </cell>
          <cell r="J663">
            <v>0</v>
          </cell>
          <cell r="K663">
            <v>0</v>
          </cell>
          <cell r="L663">
            <v>0</v>
          </cell>
          <cell r="M663">
            <v>0</v>
          </cell>
          <cell r="N663">
            <v>0</v>
          </cell>
          <cell r="O663">
            <v>0</v>
          </cell>
          <cell r="P663">
            <v>0</v>
          </cell>
          <cell r="Q663">
            <v>0</v>
          </cell>
          <cell r="R663">
            <v>0</v>
          </cell>
          <cell r="S663">
            <v>0</v>
          </cell>
          <cell r="T663">
            <v>0</v>
          </cell>
          <cell r="U663">
            <v>0</v>
          </cell>
          <cell r="V663">
            <v>0</v>
          </cell>
          <cell r="W663">
            <v>0</v>
          </cell>
        </row>
        <row r="664">
          <cell r="A664" t="str">
            <v>MBG_tp_MCL_%</v>
          </cell>
          <cell r="G664">
            <v>0</v>
          </cell>
          <cell r="H664">
            <v>0</v>
          </cell>
          <cell r="I664">
            <v>0</v>
          </cell>
          <cell r="J664">
            <v>0</v>
          </cell>
          <cell r="K664">
            <v>0</v>
          </cell>
          <cell r="L664">
            <v>0</v>
          </cell>
          <cell r="M664">
            <v>0</v>
          </cell>
          <cell r="N664">
            <v>0</v>
          </cell>
          <cell r="O664">
            <v>0</v>
          </cell>
          <cell r="P664">
            <v>0</v>
          </cell>
          <cell r="Q664">
            <v>0</v>
          </cell>
          <cell r="R664">
            <v>0</v>
          </cell>
          <cell r="S664">
            <v>0</v>
          </cell>
          <cell r="T664">
            <v>0</v>
          </cell>
          <cell r="U664">
            <v>0</v>
          </cell>
          <cell r="V664">
            <v>0</v>
          </cell>
          <cell r="W664">
            <v>0</v>
          </cell>
        </row>
        <row r="665">
          <cell r="A665" t="str">
            <v>WID_tp_MCL_%</v>
          </cell>
          <cell r="G665">
            <v>0</v>
          </cell>
          <cell r="H665">
            <v>0</v>
          </cell>
          <cell r="I665">
            <v>0</v>
          </cell>
          <cell r="J665">
            <v>0</v>
          </cell>
          <cell r="K665">
            <v>0</v>
          </cell>
          <cell r="L665">
            <v>0</v>
          </cell>
          <cell r="M665">
            <v>0</v>
          </cell>
          <cell r="N665">
            <v>0</v>
          </cell>
          <cell r="O665">
            <v>0</v>
          </cell>
          <cell r="P665">
            <v>0</v>
          </cell>
          <cell r="Q665">
            <v>0</v>
          </cell>
          <cell r="R665">
            <v>0</v>
          </cell>
          <cell r="S665">
            <v>0</v>
          </cell>
          <cell r="T665">
            <v>0</v>
          </cell>
          <cell r="U665">
            <v>0</v>
          </cell>
          <cell r="V665">
            <v>0</v>
          </cell>
          <cell r="W665">
            <v>0</v>
          </cell>
        </row>
        <row r="666">
          <cell r="A666" t="str">
            <v>FIN_tp_MCL_%</v>
          </cell>
          <cell r="G666">
            <v>0</v>
          </cell>
          <cell r="H666">
            <v>0</v>
          </cell>
          <cell r="I666">
            <v>0</v>
          </cell>
          <cell r="J666">
            <v>0</v>
          </cell>
          <cell r="K666">
            <v>0</v>
          </cell>
          <cell r="L666">
            <v>0</v>
          </cell>
          <cell r="M666">
            <v>0</v>
          </cell>
          <cell r="N666">
            <v>0</v>
          </cell>
          <cell r="O666">
            <v>0</v>
          </cell>
          <cell r="P666">
            <v>0</v>
          </cell>
          <cell r="Q666">
            <v>0</v>
          </cell>
          <cell r="R666">
            <v>0</v>
          </cell>
          <cell r="S666">
            <v>0</v>
          </cell>
          <cell r="T666">
            <v>0</v>
          </cell>
          <cell r="U666">
            <v>0</v>
          </cell>
          <cell r="V666">
            <v>0</v>
          </cell>
          <cell r="W666">
            <v>0</v>
          </cell>
        </row>
        <row r="667">
          <cell r="A667" t="str">
            <v>ALM_tp_MCL_%</v>
          </cell>
          <cell r="G667">
            <v>0</v>
          </cell>
          <cell r="H667">
            <v>0</v>
          </cell>
          <cell r="I667">
            <v>0</v>
          </cell>
          <cell r="J667">
            <v>0</v>
          </cell>
          <cell r="K667">
            <v>0</v>
          </cell>
          <cell r="L667">
            <v>0</v>
          </cell>
          <cell r="M667">
            <v>0</v>
          </cell>
          <cell r="N667">
            <v>0</v>
          </cell>
          <cell r="O667">
            <v>0</v>
          </cell>
          <cell r="P667">
            <v>0</v>
          </cell>
          <cell r="Q667">
            <v>0</v>
          </cell>
          <cell r="R667">
            <v>0</v>
          </cell>
          <cell r="S667">
            <v>0</v>
          </cell>
          <cell r="T667">
            <v>0</v>
          </cell>
          <cell r="U667">
            <v>0</v>
          </cell>
          <cell r="V667">
            <v>0</v>
          </cell>
          <cell r="W667">
            <v>0</v>
          </cell>
        </row>
        <row r="668">
          <cell r="A668" t="str">
            <v>FUO_tp_MCL_%</v>
          </cell>
          <cell r="G668">
            <v>0</v>
          </cell>
          <cell r="H668">
            <v>0</v>
          </cell>
          <cell r="I668">
            <v>0</v>
          </cell>
          <cell r="J668">
            <v>0</v>
          </cell>
          <cell r="K668">
            <v>0</v>
          </cell>
          <cell r="L668">
            <v>0</v>
          </cell>
          <cell r="M668">
            <v>0</v>
          </cell>
          <cell r="N668">
            <v>0</v>
          </cell>
          <cell r="O668">
            <v>0</v>
          </cell>
          <cell r="P668">
            <v>0</v>
          </cell>
          <cell r="Q668">
            <v>0</v>
          </cell>
          <cell r="R668">
            <v>0</v>
          </cell>
          <cell r="S668">
            <v>0</v>
          </cell>
          <cell r="T668">
            <v>0</v>
          </cell>
          <cell r="U668">
            <v>0</v>
          </cell>
          <cell r="V668">
            <v>0</v>
          </cell>
          <cell r="W668">
            <v>0</v>
          </cell>
        </row>
        <row r="669">
          <cell r="A669" t="str">
            <v>XXX_tp_MCL_%</v>
          </cell>
          <cell r="G669">
            <v>0</v>
          </cell>
          <cell r="H669">
            <v>0</v>
          </cell>
          <cell r="I669">
            <v>0</v>
          </cell>
          <cell r="J669">
            <v>0</v>
          </cell>
          <cell r="K669">
            <v>0</v>
          </cell>
          <cell r="L669">
            <v>0</v>
          </cell>
          <cell r="M669">
            <v>0</v>
          </cell>
          <cell r="N669">
            <v>0</v>
          </cell>
          <cell r="O669">
            <v>0</v>
          </cell>
          <cell r="P669">
            <v>0</v>
          </cell>
          <cell r="Q669">
            <v>0</v>
          </cell>
          <cell r="R669">
            <v>0</v>
          </cell>
          <cell r="S669">
            <v>0</v>
          </cell>
          <cell r="T669">
            <v>0</v>
          </cell>
          <cell r="U669">
            <v>0</v>
          </cell>
          <cell r="V669">
            <v>0</v>
          </cell>
          <cell r="W669">
            <v>0</v>
          </cell>
        </row>
        <row r="670">
          <cell r="G670">
            <v>0</v>
          </cell>
          <cell r="H670">
            <v>0</v>
          </cell>
          <cell r="I670">
            <v>0</v>
          </cell>
          <cell r="J670">
            <v>0</v>
          </cell>
          <cell r="K670">
            <v>0</v>
          </cell>
          <cell r="L670">
            <v>0</v>
          </cell>
          <cell r="M670">
            <v>0</v>
          </cell>
          <cell r="N670">
            <v>0</v>
          </cell>
          <cell r="O670">
            <v>0</v>
          </cell>
          <cell r="P670">
            <v>0</v>
          </cell>
          <cell r="Q670">
            <v>0</v>
          </cell>
          <cell r="R670">
            <v>0</v>
          </cell>
          <cell r="S670">
            <v>0</v>
          </cell>
          <cell r="T670">
            <v>0</v>
          </cell>
          <cell r="U670">
            <v>0</v>
          </cell>
          <cell r="V670">
            <v>0</v>
          </cell>
          <cell r="W670">
            <v>0</v>
          </cell>
        </row>
        <row r="671">
          <cell r="A671" t="str">
            <v>Val_leasing_%</v>
          </cell>
          <cell r="G671">
            <v>4.3414719387224448E-3</v>
          </cell>
          <cell r="H671">
            <v>5.3687647036715453E-3</v>
          </cell>
          <cell r="I671">
            <v>4.8551183211969946E-3</v>
          </cell>
          <cell r="J671">
            <v>4.8551183211969946E-3</v>
          </cell>
          <cell r="K671">
            <v>4.8551183211969946E-3</v>
          </cell>
          <cell r="L671">
            <v>4.8551183211969946E-3</v>
          </cell>
          <cell r="M671">
            <v>4.8551183211969946E-3</v>
          </cell>
          <cell r="N671">
            <v>4.8551183211969946E-3</v>
          </cell>
          <cell r="O671">
            <v>4.8551183211969946E-3</v>
          </cell>
          <cell r="P671">
            <v>4.8551183211969946E-3</v>
          </cell>
          <cell r="Q671">
            <v>4.8551183211969946E-3</v>
          </cell>
          <cell r="R671">
            <v>4.8551183211969946E-3</v>
          </cell>
          <cell r="S671">
            <v>4.8551183211969946E-3</v>
          </cell>
          <cell r="T671">
            <v>4.8551183211969946E-3</v>
          </cell>
          <cell r="U671">
            <v>4.8551183211969946E-3</v>
          </cell>
          <cell r="V671">
            <v>4.8551183211969946E-3</v>
          </cell>
          <cell r="W671">
            <v>4.8551183211969946E-3</v>
          </cell>
          <cell r="Y671">
            <v>0</v>
          </cell>
          <cell r="Z671">
            <v>0</v>
          </cell>
        </row>
        <row r="672">
          <cell r="A672" t="str">
            <v>Pre_leasing_%</v>
          </cell>
          <cell r="G672">
            <v>7.7060356024132963E-3</v>
          </cell>
          <cell r="H672">
            <v>1.3799442096723456E-2</v>
          </cell>
          <cell r="I672">
            <v>1.0752738849568375E-2</v>
          </cell>
          <cell r="J672">
            <v>1.0752738849568375E-2</v>
          </cell>
          <cell r="K672">
            <v>1.0752738849568375E-2</v>
          </cell>
          <cell r="L672">
            <v>1.0752738849568375E-2</v>
          </cell>
          <cell r="M672">
            <v>1.0752738849568375E-2</v>
          </cell>
          <cell r="N672">
            <v>1.0752738849568375E-2</v>
          </cell>
          <cell r="O672">
            <v>1.0752738849568375E-2</v>
          </cell>
          <cell r="P672">
            <v>1.0752738849568375E-2</v>
          </cell>
          <cell r="Q672">
            <v>1.0752738849568375E-2</v>
          </cell>
          <cell r="R672">
            <v>1.0752738849568375E-2</v>
          </cell>
          <cell r="S672">
            <v>1.0752738849568375E-2</v>
          </cell>
          <cell r="T672">
            <v>1.0752738849568375E-2</v>
          </cell>
          <cell r="U672">
            <v>1.0752738849568375E-2</v>
          </cell>
          <cell r="V672">
            <v>1.0752738849568375E-2</v>
          </cell>
          <cell r="W672">
            <v>1.0752738849568375E-2</v>
          </cell>
        </row>
        <row r="673">
          <cell r="A673" t="str">
            <v>Sma_leasing_%</v>
          </cell>
          <cell r="G673">
            <v>7.2928088849563526E-3</v>
          </cell>
          <cell r="H673">
            <v>6.0715291590982667E-3</v>
          </cell>
          <cell r="I673">
            <v>6.6821690220273096E-3</v>
          </cell>
          <cell r="J673">
            <v>6.6821690220273096E-3</v>
          </cell>
          <cell r="K673">
            <v>6.6821690220273096E-3</v>
          </cell>
          <cell r="L673">
            <v>6.6821690220273096E-3</v>
          </cell>
          <cell r="M673">
            <v>6.6821690220273096E-3</v>
          </cell>
          <cell r="N673">
            <v>6.6821690220273096E-3</v>
          </cell>
          <cell r="O673">
            <v>6.6821690220273096E-3</v>
          </cell>
          <cell r="P673">
            <v>6.6821690220273096E-3</v>
          </cell>
          <cell r="Q673">
            <v>6.6821690220273096E-3</v>
          </cell>
          <cell r="R673">
            <v>6.6821690220273096E-3</v>
          </cell>
          <cell r="S673">
            <v>6.6821690220273096E-3</v>
          </cell>
          <cell r="T673">
            <v>6.6821690220273096E-3</v>
          </cell>
          <cell r="U673">
            <v>6.6821690220273096E-3</v>
          </cell>
          <cell r="V673">
            <v>6.6821690220273096E-3</v>
          </cell>
          <cell r="W673">
            <v>6.6821690220273096E-3</v>
          </cell>
        </row>
        <row r="674">
          <cell r="A674" t="str">
            <v>Pri_leasing_%</v>
          </cell>
          <cell r="G674">
            <v>1.5079909576630629E-3</v>
          </cell>
          <cell r="H674">
            <v>5.2000000000000006E-3</v>
          </cell>
          <cell r="I674">
            <v>3.353995478831532E-3</v>
          </cell>
          <cell r="J674">
            <v>3.353995478831532E-3</v>
          </cell>
          <cell r="K674">
            <v>3.353995478831532E-3</v>
          </cell>
          <cell r="L674">
            <v>3.353995478831532E-3</v>
          </cell>
          <cell r="M674">
            <v>3.353995478831532E-3</v>
          </cell>
          <cell r="N674">
            <v>3.353995478831532E-3</v>
          </cell>
          <cell r="O674">
            <v>3.353995478831532E-3</v>
          </cell>
          <cell r="P674">
            <v>3.353995478831532E-3</v>
          </cell>
          <cell r="Q674">
            <v>3.353995478831532E-3</v>
          </cell>
          <cell r="R674">
            <v>3.353995478831532E-3</v>
          </cell>
          <cell r="S674">
            <v>3.353995478831532E-3</v>
          </cell>
          <cell r="T674">
            <v>3.353995478831532E-3</v>
          </cell>
          <cell r="U674">
            <v>3.353995478831532E-3</v>
          </cell>
          <cell r="V674">
            <v>3.353995478831532E-3</v>
          </cell>
          <cell r="W674">
            <v>3.353995478831532E-3</v>
          </cell>
        </row>
        <row r="675">
          <cell r="A675" t="str">
            <v>Fam_leasing_%</v>
          </cell>
          <cell r="G675">
            <v>0</v>
          </cell>
          <cell r="H675">
            <v>0</v>
          </cell>
          <cell r="I675">
            <v>0</v>
          </cell>
          <cell r="J675">
            <v>0</v>
          </cell>
          <cell r="K675">
            <v>0</v>
          </cell>
          <cell r="L675">
            <v>0</v>
          </cell>
          <cell r="M675">
            <v>0</v>
          </cell>
          <cell r="N675">
            <v>0</v>
          </cell>
          <cell r="O675">
            <v>0</v>
          </cell>
          <cell r="P675">
            <v>0</v>
          </cell>
          <cell r="Q675">
            <v>0</v>
          </cell>
          <cell r="R675">
            <v>0</v>
          </cell>
          <cell r="S675">
            <v>0</v>
          </cell>
          <cell r="T675">
            <v>0</v>
          </cell>
          <cell r="U675">
            <v>0</v>
          </cell>
          <cell r="V675">
            <v>0</v>
          </cell>
          <cell r="W675">
            <v>0</v>
          </cell>
        </row>
        <row r="676">
          <cell r="A676" t="str">
            <v>PMI_leasing_%</v>
          </cell>
          <cell r="G676">
            <v>3.6735702001426461E-3</v>
          </cell>
          <cell r="H676">
            <v>4.3462547604871246E-3</v>
          </cell>
          <cell r="I676">
            <v>4.0099124803148851E-3</v>
          </cell>
          <cell r="J676">
            <v>4.0099124803148851E-3</v>
          </cell>
          <cell r="K676">
            <v>4.0099124803148851E-3</v>
          </cell>
          <cell r="L676">
            <v>4.0099124803148851E-3</v>
          </cell>
          <cell r="M676">
            <v>4.0099124803148851E-3</v>
          </cell>
          <cell r="N676">
            <v>4.0099124803148851E-3</v>
          </cell>
          <cell r="O676">
            <v>4.0099124803148851E-3</v>
          </cell>
          <cell r="P676">
            <v>4.0099124803148851E-3</v>
          </cell>
          <cell r="Q676">
            <v>4.0099124803148851E-3</v>
          </cell>
          <cell r="R676">
            <v>4.0099124803148851E-3</v>
          </cell>
          <cell r="S676">
            <v>4.0099124803148851E-3</v>
          </cell>
          <cell r="T676">
            <v>4.0099124803148851E-3</v>
          </cell>
          <cell r="U676">
            <v>4.0099124803148851E-3</v>
          </cell>
          <cell r="V676">
            <v>4.0099124803148851E-3</v>
          </cell>
          <cell r="W676">
            <v>4.0099124803148851E-3</v>
          </cell>
        </row>
        <row r="677">
          <cell r="A677" t="str">
            <v>ENT_leasing_%</v>
          </cell>
          <cell r="G677">
            <v>6.740969277427275E-3</v>
          </cell>
          <cell r="H677">
            <v>2.6481555425305881E-2</v>
          </cell>
          <cell r="I677">
            <v>1.6611262351366576E-2</v>
          </cell>
          <cell r="J677">
            <v>1.6611262351366576E-2</v>
          </cell>
          <cell r="K677">
            <v>1.6611262351366576E-2</v>
          </cell>
          <cell r="L677">
            <v>1.6611262351366576E-2</v>
          </cell>
          <cell r="M677">
            <v>1.6611262351366576E-2</v>
          </cell>
          <cell r="N677">
            <v>1.6611262351366576E-2</v>
          </cell>
          <cell r="O677">
            <v>1.6611262351366576E-2</v>
          </cell>
          <cell r="P677">
            <v>1.6611262351366576E-2</v>
          </cell>
          <cell r="Q677">
            <v>1.6611262351366576E-2</v>
          </cell>
          <cell r="R677">
            <v>1.6611262351366576E-2</v>
          </cell>
          <cell r="S677">
            <v>1.6611262351366576E-2</v>
          </cell>
          <cell r="T677">
            <v>1.6611262351366576E-2</v>
          </cell>
          <cell r="U677">
            <v>1.6611262351366576E-2</v>
          </cell>
          <cell r="V677">
            <v>1.6611262351366576E-2</v>
          </cell>
          <cell r="W677">
            <v>1.6611262351366576E-2</v>
          </cell>
        </row>
        <row r="678">
          <cell r="A678" t="str">
            <v>Cor_leasing_%</v>
          </cell>
          <cell r="G678">
            <v>1.0032347865430206E-3</v>
          </cell>
          <cell r="H678">
            <v>1.7297491829286876E-3</v>
          </cell>
          <cell r="I678">
            <v>1.3664919847358541E-3</v>
          </cell>
          <cell r="J678">
            <v>1.3664919847358541E-3</v>
          </cell>
          <cell r="K678">
            <v>1.3664919847358541E-3</v>
          </cell>
          <cell r="L678">
            <v>1.3664919847358541E-3</v>
          </cell>
          <cell r="M678">
            <v>1.3664919847358541E-3</v>
          </cell>
          <cell r="N678">
            <v>1.3664919847358541E-3</v>
          </cell>
          <cell r="O678">
            <v>1.3664919847358541E-3</v>
          </cell>
          <cell r="P678">
            <v>1.3664919847358541E-3</v>
          </cell>
          <cell r="Q678">
            <v>1.3664919847358541E-3</v>
          </cell>
          <cell r="R678">
            <v>1.3664919847358541E-3</v>
          </cell>
          <cell r="S678">
            <v>1.3664919847358541E-3</v>
          </cell>
          <cell r="T678">
            <v>1.3664919847358541E-3</v>
          </cell>
          <cell r="U678">
            <v>1.3664919847358541E-3</v>
          </cell>
          <cell r="V678">
            <v>1.3664919847358541E-3</v>
          </cell>
          <cell r="W678">
            <v>1.3664919847358541E-3</v>
          </cell>
        </row>
        <row r="679">
          <cell r="A679" t="str">
            <v>Gra_leasing_%</v>
          </cell>
          <cell r="G679">
            <v>0</v>
          </cell>
          <cell r="H679">
            <v>0</v>
          </cell>
          <cell r="I679">
            <v>0</v>
          </cell>
          <cell r="J679">
            <v>0</v>
          </cell>
          <cell r="K679">
            <v>0</v>
          </cell>
          <cell r="L679">
            <v>0</v>
          </cell>
          <cell r="M679">
            <v>0</v>
          </cell>
          <cell r="N679">
            <v>0</v>
          </cell>
          <cell r="O679">
            <v>0</v>
          </cell>
          <cell r="P679">
            <v>0</v>
          </cell>
          <cell r="Q679">
            <v>0</v>
          </cell>
          <cell r="R679">
            <v>0</v>
          </cell>
          <cell r="S679">
            <v>0</v>
          </cell>
          <cell r="T679">
            <v>0</v>
          </cell>
          <cell r="U679">
            <v>0</v>
          </cell>
          <cell r="V679">
            <v>0</v>
          </cell>
          <cell r="W679">
            <v>0</v>
          </cell>
        </row>
        <row r="680">
          <cell r="A680" t="str">
            <v>FEX_leasing_%</v>
          </cell>
          <cell r="G680">
            <v>0</v>
          </cell>
          <cell r="H680">
            <v>0</v>
          </cell>
          <cell r="I680">
            <v>0</v>
          </cell>
          <cell r="J680">
            <v>0</v>
          </cell>
          <cell r="K680">
            <v>0</v>
          </cell>
          <cell r="L680">
            <v>0</v>
          </cell>
          <cell r="M680">
            <v>0</v>
          </cell>
          <cell r="N680">
            <v>0</v>
          </cell>
          <cell r="O680">
            <v>0</v>
          </cell>
          <cell r="P680">
            <v>0</v>
          </cell>
          <cell r="Q680">
            <v>0</v>
          </cell>
          <cell r="R680">
            <v>0</v>
          </cell>
          <cell r="S680">
            <v>0</v>
          </cell>
          <cell r="T680">
            <v>0</v>
          </cell>
          <cell r="U680">
            <v>0</v>
          </cell>
          <cell r="V680">
            <v>0</v>
          </cell>
          <cell r="W680">
            <v>0</v>
          </cell>
        </row>
        <row r="681">
          <cell r="A681" t="str">
            <v>MCL_leasing_%</v>
          </cell>
          <cell r="G681">
            <v>0</v>
          </cell>
          <cell r="H681">
            <v>0</v>
          </cell>
          <cell r="I681">
            <v>0</v>
          </cell>
          <cell r="J681">
            <v>0</v>
          </cell>
          <cell r="K681">
            <v>0</v>
          </cell>
          <cell r="L681">
            <v>0</v>
          </cell>
          <cell r="M681">
            <v>0</v>
          </cell>
          <cell r="N681">
            <v>0</v>
          </cell>
          <cell r="O681">
            <v>0</v>
          </cell>
          <cell r="P681">
            <v>0</v>
          </cell>
          <cell r="Q681">
            <v>0</v>
          </cell>
          <cell r="R681">
            <v>0</v>
          </cell>
          <cell r="S681">
            <v>0</v>
          </cell>
          <cell r="T681">
            <v>0</v>
          </cell>
          <cell r="U681">
            <v>0</v>
          </cell>
          <cell r="V681">
            <v>0</v>
          </cell>
          <cell r="W681">
            <v>0</v>
          </cell>
        </row>
        <row r="682">
          <cell r="A682" t="str">
            <v>MCG_leasing_%</v>
          </cell>
          <cell r="G682">
            <v>0</v>
          </cell>
          <cell r="H682">
            <v>0</v>
          </cell>
          <cell r="I682">
            <v>0</v>
          </cell>
          <cell r="J682">
            <v>0</v>
          </cell>
          <cell r="K682">
            <v>0</v>
          </cell>
          <cell r="L682">
            <v>0</v>
          </cell>
          <cell r="M682">
            <v>0</v>
          </cell>
          <cell r="N682">
            <v>0</v>
          </cell>
          <cell r="O682">
            <v>0</v>
          </cell>
          <cell r="P682">
            <v>0</v>
          </cell>
          <cell r="Q682">
            <v>0</v>
          </cell>
          <cell r="R682">
            <v>0</v>
          </cell>
          <cell r="S682">
            <v>0</v>
          </cell>
          <cell r="T682">
            <v>0</v>
          </cell>
          <cell r="U682">
            <v>0</v>
          </cell>
          <cell r="V682">
            <v>0</v>
          </cell>
          <cell r="W682">
            <v>0</v>
          </cell>
        </row>
        <row r="683">
          <cell r="A683" t="str">
            <v>MLE_leasing_%</v>
          </cell>
          <cell r="G683">
            <v>0</v>
          </cell>
          <cell r="H683">
            <v>0</v>
          </cell>
          <cell r="I683">
            <v>0</v>
          </cell>
          <cell r="J683">
            <v>0</v>
          </cell>
          <cell r="K683">
            <v>0</v>
          </cell>
          <cell r="L683">
            <v>0</v>
          </cell>
          <cell r="M683">
            <v>0</v>
          </cell>
          <cell r="N683">
            <v>0</v>
          </cell>
          <cell r="O683">
            <v>0</v>
          </cell>
          <cell r="P683">
            <v>0</v>
          </cell>
          <cell r="Q683">
            <v>0</v>
          </cell>
          <cell r="R683">
            <v>0</v>
          </cell>
          <cell r="S683">
            <v>0</v>
          </cell>
          <cell r="T683">
            <v>0</v>
          </cell>
          <cell r="U683">
            <v>0</v>
          </cell>
          <cell r="V683">
            <v>0</v>
          </cell>
          <cell r="W683">
            <v>0</v>
          </cell>
        </row>
        <row r="684">
          <cell r="A684" t="str">
            <v>MFA_leasing_%</v>
          </cell>
          <cell r="G684">
            <v>0</v>
          </cell>
          <cell r="H684">
            <v>0</v>
          </cell>
          <cell r="I684">
            <v>0</v>
          </cell>
          <cell r="J684">
            <v>0</v>
          </cell>
          <cell r="K684">
            <v>0</v>
          </cell>
          <cell r="L684">
            <v>0</v>
          </cell>
          <cell r="M684">
            <v>0</v>
          </cell>
          <cell r="N684">
            <v>0</v>
          </cell>
          <cell r="O684">
            <v>0</v>
          </cell>
          <cell r="P684">
            <v>0</v>
          </cell>
          <cell r="Q684">
            <v>0</v>
          </cell>
          <cell r="R684">
            <v>0</v>
          </cell>
          <cell r="S684">
            <v>0</v>
          </cell>
          <cell r="T684">
            <v>0</v>
          </cell>
          <cell r="U684">
            <v>0</v>
          </cell>
          <cell r="V684">
            <v>0</v>
          </cell>
          <cell r="W684">
            <v>0</v>
          </cell>
        </row>
        <row r="685">
          <cell r="A685" t="str">
            <v>MBQ_leasing_%</v>
          </cell>
          <cell r="G685">
            <v>0</v>
          </cell>
          <cell r="H685">
            <v>0</v>
          </cell>
          <cell r="I685">
            <v>0</v>
          </cell>
          <cell r="J685">
            <v>0</v>
          </cell>
          <cell r="K685">
            <v>0</v>
          </cell>
          <cell r="L685">
            <v>0</v>
          </cell>
          <cell r="M685">
            <v>0</v>
          </cell>
          <cell r="N685">
            <v>0</v>
          </cell>
          <cell r="O685">
            <v>0</v>
          </cell>
          <cell r="P685">
            <v>0</v>
          </cell>
          <cell r="Q685">
            <v>0</v>
          </cell>
          <cell r="R685">
            <v>0</v>
          </cell>
          <cell r="S685">
            <v>0</v>
          </cell>
          <cell r="T685">
            <v>0</v>
          </cell>
          <cell r="U685">
            <v>0</v>
          </cell>
          <cell r="V685">
            <v>0</v>
          </cell>
          <cell r="W685">
            <v>0</v>
          </cell>
        </row>
        <row r="686">
          <cell r="A686" t="str">
            <v>MBG_leasing_%</v>
          </cell>
          <cell r="G686">
            <v>0</v>
          </cell>
          <cell r="H686">
            <v>0</v>
          </cell>
          <cell r="I686">
            <v>0</v>
          </cell>
          <cell r="J686">
            <v>0</v>
          </cell>
          <cell r="K686">
            <v>0</v>
          </cell>
          <cell r="L686">
            <v>0</v>
          </cell>
          <cell r="M686">
            <v>0</v>
          </cell>
          <cell r="N686">
            <v>0</v>
          </cell>
          <cell r="O686">
            <v>0</v>
          </cell>
          <cell r="P686">
            <v>0</v>
          </cell>
          <cell r="Q686">
            <v>0</v>
          </cell>
          <cell r="R686">
            <v>0</v>
          </cell>
          <cell r="S686">
            <v>0</v>
          </cell>
          <cell r="T686">
            <v>0</v>
          </cell>
          <cell r="U686">
            <v>0</v>
          </cell>
          <cell r="V686">
            <v>0</v>
          </cell>
          <cell r="W686">
            <v>0</v>
          </cell>
        </row>
        <row r="687">
          <cell r="A687" t="str">
            <v>WID_leasing_%</v>
          </cell>
          <cell r="G687">
            <v>0</v>
          </cell>
          <cell r="H687">
            <v>0</v>
          </cell>
          <cell r="I687">
            <v>0</v>
          </cell>
          <cell r="J687">
            <v>0</v>
          </cell>
          <cell r="K687">
            <v>0</v>
          </cell>
          <cell r="L687">
            <v>0</v>
          </cell>
          <cell r="M687">
            <v>0</v>
          </cell>
          <cell r="N687">
            <v>0</v>
          </cell>
          <cell r="O687">
            <v>0</v>
          </cell>
          <cell r="P687">
            <v>0</v>
          </cell>
          <cell r="Q687">
            <v>0</v>
          </cell>
          <cell r="R687">
            <v>0</v>
          </cell>
          <cell r="S687">
            <v>0</v>
          </cell>
          <cell r="T687">
            <v>0</v>
          </cell>
          <cell r="U687">
            <v>0</v>
          </cell>
          <cell r="V687">
            <v>0</v>
          </cell>
          <cell r="W687">
            <v>0</v>
          </cell>
        </row>
        <row r="688">
          <cell r="A688" t="str">
            <v>FIN_leasing_%</v>
          </cell>
          <cell r="G688">
            <v>0</v>
          </cell>
          <cell r="H688">
            <v>0</v>
          </cell>
          <cell r="I688">
            <v>0</v>
          </cell>
          <cell r="J688">
            <v>0</v>
          </cell>
          <cell r="K688">
            <v>0</v>
          </cell>
          <cell r="L688">
            <v>0</v>
          </cell>
          <cell r="M688">
            <v>0</v>
          </cell>
          <cell r="N688">
            <v>0</v>
          </cell>
          <cell r="O688">
            <v>0</v>
          </cell>
          <cell r="P688">
            <v>0</v>
          </cell>
          <cell r="Q688">
            <v>0</v>
          </cell>
          <cell r="R688">
            <v>0</v>
          </cell>
          <cell r="S688">
            <v>0</v>
          </cell>
          <cell r="T688">
            <v>0</v>
          </cell>
          <cell r="U688">
            <v>0</v>
          </cell>
          <cell r="V688">
            <v>0</v>
          </cell>
          <cell r="W688">
            <v>0</v>
          </cell>
        </row>
        <row r="689">
          <cell r="A689" t="str">
            <v>ALM_leasing_%</v>
          </cell>
          <cell r="G689">
            <v>0</v>
          </cell>
          <cell r="H689">
            <v>0</v>
          </cell>
          <cell r="I689">
            <v>0</v>
          </cell>
          <cell r="J689">
            <v>0</v>
          </cell>
          <cell r="K689">
            <v>0</v>
          </cell>
          <cell r="L689">
            <v>0</v>
          </cell>
          <cell r="M689">
            <v>0</v>
          </cell>
          <cell r="N689">
            <v>0</v>
          </cell>
          <cell r="O689">
            <v>0</v>
          </cell>
          <cell r="P689">
            <v>0</v>
          </cell>
          <cell r="Q689">
            <v>0</v>
          </cell>
          <cell r="R689">
            <v>0</v>
          </cell>
          <cell r="S689">
            <v>0</v>
          </cell>
          <cell r="T689">
            <v>0</v>
          </cell>
          <cell r="U689">
            <v>0</v>
          </cell>
          <cell r="V689">
            <v>0</v>
          </cell>
          <cell r="W689">
            <v>0</v>
          </cell>
        </row>
        <row r="690">
          <cell r="A690" t="str">
            <v>FUO_leasing_%</v>
          </cell>
          <cell r="G690">
            <v>0</v>
          </cell>
          <cell r="H690">
            <v>0</v>
          </cell>
          <cell r="I690">
            <v>0</v>
          </cell>
          <cell r="J690">
            <v>0</v>
          </cell>
          <cell r="K690">
            <v>0</v>
          </cell>
          <cell r="L690">
            <v>0</v>
          </cell>
          <cell r="M690">
            <v>0</v>
          </cell>
          <cell r="N690">
            <v>0</v>
          </cell>
          <cell r="O690">
            <v>0</v>
          </cell>
          <cell r="P690">
            <v>0</v>
          </cell>
          <cell r="Q690">
            <v>0</v>
          </cell>
          <cell r="R690">
            <v>0</v>
          </cell>
          <cell r="S690">
            <v>0</v>
          </cell>
          <cell r="T690">
            <v>0</v>
          </cell>
          <cell r="U690">
            <v>0</v>
          </cell>
          <cell r="V690">
            <v>0</v>
          </cell>
          <cell r="W690">
            <v>0</v>
          </cell>
        </row>
        <row r="691">
          <cell r="A691" t="str">
            <v>XXX_leasing_%</v>
          </cell>
          <cell r="G691">
            <v>0</v>
          </cell>
          <cell r="H691">
            <v>0</v>
          </cell>
          <cell r="I691">
            <v>0</v>
          </cell>
          <cell r="J691">
            <v>0</v>
          </cell>
          <cell r="K691">
            <v>0</v>
          </cell>
          <cell r="L691">
            <v>0</v>
          </cell>
          <cell r="M691">
            <v>0</v>
          </cell>
          <cell r="N691">
            <v>0</v>
          </cell>
          <cell r="O691">
            <v>0</v>
          </cell>
          <cell r="P691">
            <v>0</v>
          </cell>
          <cell r="Q691">
            <v>0</v>
          </cell>
          <cell r="R691">
            <v>0</v>
          </cell>
          <cell r="S691">
            <v>0</v>
          </cell>
          <cell r="T691">
            <v>0</v>
          </cell>
          <cell r="U691">
            <v>0</v>
          </cell>
          <cell r="V691">
            <v>0</v>
          </cell>
          <cell r="W691">
            <v>0</v>
          </cell>
        </row>
        <row r="692">
          <cell r="G692">
            <v>0</v>
          </cell>
          <cell r="H692">
            <v>0</v>
          </cell>
          <cell r="I692">
            <v>0</v>
          </cell>
          <cell r="J692">
            <v>0</v>
          </cell>
          <cell r="K692">
            <v>0</v>
          </cell>
          <cell r="L692">
            <v>0</v>
          </cell>
          <cell r="M692">
            <v>0</v>
          </cell>
          <cell r="N692">
            <v>0</v>
          </cell>
          <cell r="O692">
            <v>0</v>
          </cell>
          <cell r="P692">
            <v>0</v>
          </cell>
          <cell r="Q692">
            <v>0</v>
          </cell>
          <cell r="R692">
            <v>0</v>
          </cell>
          <cell r="S692">
            <v>0</v>
          </cell>
          <cell r="T692">
            <v>0</v>
          </cell>
          <cell r="U692">
            <v>0</v>
          </cell>
          <cell r="V692">
            <v>0</v>
          </cell>
          <cell r="W692">
            <v>0</v>
          </cell>
        </row>
        <row r="693">
          <cell r="A693" t="str">
            <v>Val_factoring_%</v>
          </cell>
          <cell r="G693">
            <v>-1.1120372055692111E-3</v>
          </cell>
          <cell r="H693">
            <v>0</v>
          </cell>
          <cell r="I693">
            <v>-5.5601860278460557E-4</v>
          </cell>
          <cell r="J693">
            <v>-5.5601860278460557E-4</v>
          </cell>
          <cell r="K693">
            <v>-5.5601860278460557E-4</v>
          </cell>
          <cell r="L693">
            <v>-5.5601860278460557E-4</v>
          </cell>
          <cell r="M693">
            <v>-5.5601860278460557E-4</v>
          </cell>
          <cell r="N693">
            <v>-5.5601860278460557E-4</v>
          </cell>
          <cell r="O693">
            <v>-5.5601860278460557E-4</v>
          </cell>
          <cell r="P693">
            <v>-5.5601860278460557E-4</v>
          </cell>
          <cell r="Q693">
            <v>-5.5601860278460557E-4</v>
          </cell>
          <cell r="R693">
            <v>-5.5601860278460557E-4</v>
          </cell>
          <cell r="S693">
            <v>-5.5601860278460557E-4</v>
          </cell>
          <cell r="T693">
            <v>-5.5601860278460557E-4</v>
          </cell>
          <cell r="U693">
            <v>-5.5601860278460557E-4</v>
          </cell>
          <cell r="V693">
            <v>-5.5601860278460557E-4</v>
          </cell>
          <cell r="W693">
            <v>-5.5601860278460557E-4</v>
          </cell>
          <cell r="Y693">
            <v>0</v>
          </cell>
          <cell r="Z693">
            <v>0</v>
          </cell>
        </row>
        <row r="694">
          <cell r="A694" t="str">
            <v>Pre_factoring_%</v>
          </cell>
          <cell r="G694">
            <v>0</v>
          </cell>
          <cell r="H694">
            <v>0</v>
          </cell>
          <cell r="I694">
            <v>0</v>
          </cell>
          <cell r="J694">
            <v>0</v>
          </cell>
          <cell r="K694">
            <v>0</v>
          </cell>
          <cell r="L694">
            <v>0</v>
          </cell>
          <cell r="M694">
            <v>0</v>
          </cell>
          <cell r="N694">
            <v>0</v>
          </cell>
          <cell r="O694">
            <v>0</v>
          </cell>
          <cell r="P694">
            <v>0</v>
          </cell>
          <cell r="Q694">
            <v>0</v>
          </cell>
          <cell r="R694">
            <v>0</v>
          </cell>
          <cell r="S694">
            <v>0</v>
          </cell>
          <cell r="T694">
            <v>0</v>
          </cell>
          <cell r="U694">
            <v>0</v>
          </cell>
          <cell r="V694">
            <v>0</v>
          </cell>
          <cell r="W694">
            <v>0</v>
          </cell>
        </row>
        <row r="695">
          <cell r="A695" t="str">
            <v>Sma_factoring_%</v>
          </cell>
          <cell r="G695">
            <v>1.0086829433024651E-3</v>
          </cell>
          <cell r="H695">
            <v>1.2368735469987795E-3</v>
          </cell>
          <cell r="I695">
            <v>1.1227782451506223E-3</v>
          </cell>
          <cell r="J695">
            <v>1.1227782451506223E-3</v>
          </cell>
          <cell r="K695">
            <v>1.1227782451506223E-3</v>
          </cell>
          <cell r="L695">
            <v>1.1227782451506223E-3</v>
          </cell>
          <cell r="M695">
            <v>1.1227782451506223E-3</v>
          </cell>
          <cell r="N695">
            <v>1.1227782451506223E-3</v>
          </cell>
          <cell r="O695">
            <v>1.1227782451506223E-3</v>
          </cell>
          <cell r="P695">
            <v>1.1227782451506223E-3</v>
          </cell>
          <cell r="Q695">
            <v>1.1227782451506223E-3</v>
          </cell>
          <cell r="R695">
            <v>1.1227782451506223E-3</v>
          </cell>
          <cell r="S695">
            <v>1.1227782451506223E-3</v>
          </cell>
          <cell r="T695">
            <v>1.1227782451506223E-3</v>
          </cell>
          <cell r="U695">
            <v>1.1227782451506223E-3</v>
          </cell>
          <cell r="V695">
            <v>1.1227782451506223E-3</v>
          </cell>
          <cell r="W695">
            <v>1.1227782451506223E-3</v>
          </cell>
        </row>
        <row r="696">
          <cell r="A696" t="str">
            <v>Pri_factoring_%</v>
          </cell>
          <cell r="G696">
            <v>0</v>
          </cell>
          <cell r="H696">
            <v>0</v>
          </cell>
          <cell r="I696">
            <v>0</v>
          </cell>
          <cell r="J696">
            <v>0</v>
          </cell>
          <cell r="K696">
            <v>0</v>
          </cell>
          <cell r="L696">
            <v>0</v>
          </cell>
          <cell r="M696">
            <v>0</v>
          </cell>
          <cell r="N696">
            <v>0</v>
          </cell>
          <cell r="O696">
            <v>0</v>
          </cell>
          <cell r="P696">
            <v>0</v>
          </cell>
          <cell r="Q696">
            <v>0</v>
          </cell>
          <cell r="R696">
            <v>0</v>
          </cell>
          <cell r="S696">
            <v>0</v>
          </cell>
          <cell r="T696">
            <v>0</v>
          </cell>
          <cell r="U696">
            <v>0</v>
          </cell>
          <cell r="V696">
            <v>0</v>
          </cell>
          <cell r="W696">
            <v>0</v>
          </cell>
        </row>
        <row r="697">
          <cell r="A697" t="str">
            <v>Fam_factoring_%</v>
          </cell>
          <cell r="G697">
            <v>0</v>
          </cell>
          <cell r="H697">
            <v>0</v>
          </cell>
          <cell r="I697">
            <v>0</v>
          </cell>
          <cell r="J697">
            <v>0</v>
          </cell>
          <cell r="K697">
            <v>0</v>
          </cell>
          <cell r="L697">
            <v>0</v>
          </cell>
          <cell r="M697">
            <v>0</v>
          </cell>
          <cell r="N697">
            <v>0</v>
          </cell>
          <cell r="O697">
            <v>0</v>
          </cell>
          <cell r="P697">
            <v>0</v>
          </cell>
          <cell r="Q697">
            <v>0</v>
          </cell>
          <cell r="R697">
            <v>0</v>
          </cell>
          <cell r="S697">
            <v>0</v>
          </cell>
          <cell r="T697">
            <v>0</v>
          </cell>
          <cell r="U697">
            <v>0</v>
          </cell>
          <cell r="V697">
            <v>0</v>
          </cell>
          <cell r="W697">
            <v>0</v>
          </cell>
        </row>
        <row r="698">
          <cell r="A698" t="str">
            <v>PMI_factoring_%</v>
          </cell>
          <cell r="G698">
            <v>4.3016778348293447E-4</v>
          </cell>
          <cell r="H698">
            <v>1.0798131977245396E-3</v>
          </cell>
          <cell r="I698">
            <v>7.5499049060373709E-4</v>
          </cell>
          <cell r="J698">
            <v>7.5499049060373709E-4</v>
          </cell>
          <cell r="K698">
            <v>7.5499049060373709E-4</v>
          </cell>
          <cell r="L698">
            <v>7.5499049060373709E-4</v>
          </cell>
          <cell r="M698">
            <v>7.5499049060373709E-4</v>
          </cell>
          <cell r="N698">
            <v>7.5499049060373709E-4</v>
          </cell>
          <cell r="O698">
            <v>7.5499049060373709E-4</v>
          </cell>
          <cell r="P698">
            <v>7.5499049060373709E-4</v>
          </cell>
          <cell r="Q698">
            <v>7.5499049060373709E-4</v>
          </cell>
          <cell r="R698">
            <v>7.5499049060373709E-4</v>
          </cell>
          <cell r="S698">
            <v>7.5499049060373709E-4</v>
          </cell>
          <cell r="T698">
            <v>7.5499049060373709E-4</v>
          </cell>
          <cell r="U698">
            <v>7.5499049060373709E-4</v>
          </cell>
          <cell r="V698">
            <v>7.5499049060373709E-4</v>
          </cell>
          <cell r="W698">
            <v>7.5499049060373709E-4</v>
          </cell>
        </row>
        <row r="699">
          <cell r="A699" t="str">
            <v>ENT_factoring_%</v>
          </cell>
          <cell r="G699">
            <v>6.9668061287813591E-4</v>
          </cell>
          <cell r="H699">
            <v>7.5567199831834474E-4</v>
          </cell>
          <cell r="I699">
            <v>7.2617630559824032E-4</v>
          </cell>
          <cell r="J699">
            <v>7.2617630559824032E-4</v>
          </cell>
          <cell r="K699">
            <v>7.2617630559824032E-4</v>
          </cell>
          <cell r="L699">
            <v>7.2617630559824032E-4</v>
          </cell>
          <cell r="M699">
            <v>7.2617630559824032E-4</v>
          </cell>
          <cell r="N699">
            <v>7.2617630559824032E-4</v>
          </cell>
          <cell r="O699">
            <v>7.2617630559824032E-4</v>
          </cell>
          <cell r="P699">
            <v>7.2617630559824032E-4</v>
          </cell>
          <cell r="Q699">
            <v>7.2617630559824032E-4</v>
          </cell>
          <cell r="R699">
            <v>7.2617630559824032E-4</v>
          </cell>
          <cell r="S699">
            <v>7.2617630559824032E-4</v>
          </cell>
          <cell r="T699">
            <v>7.2617630559824032E-4</v>
          </cell>
          <cell r="U699">
            <v>7.2617630559824032E-4</v>
          </cell>
          <cell r="V699">
            <v>7.2617630559824032E-4</v>
          </cell>
          <cell r="W699">
            <v>7.2617630559824032E-4</v>
          </cell>
        </row>
        <row r="700">
          <cell r="A700" t="str">
            <v>Cor_factoring_%</v>
          </cell>
          <cell r="G700">
            <v>9.6100798066533043E-5</v>
          </cell>
          <cell r="H700">
            <v>4.9805324188047283E-4</v>
          </cell>
          <cell r="I700">
            <v>2.9707701997350292E-4</v>
          </cell>
          <cell r="J700">
            <v>2.9707701997350292E-4</v>
          </cell>
          <cell r="K700">
            <v>2.9707701997350292E-4</v>
          </cell>
          <cell r="L700">
            <v>2.9707701997350292E-4</v>
          </cell>
          <cell r="M700">
            <v>2.9707701997350292E-4</v>
          </cell>
          <cell r="N700">
            <v>2.9707701997350292E-4</v>
          </cell>
          <cell r="O700">
            <v>2.9707701997350292E-4</v>
          </cell>
          <cell r="P700">
            <v>2.9707701997350292E-4</v>
          </cell>
          <cell r="Q700">
            <v>2.9707701997350292E-4</v>
          </cell>
          <cell r="R700">
            <v>2.9707701997350292E-4</v>
          </cell>
          <cell r="S700">
            <v>2.9707701997350292E-4</v>
          </cell>
          <cell r="T700">
            <v>2.9707701997350292E-4</v>
          </cell>
          <cell r="U700">
            <v>2.9707701997350292E-4</v>
          </cell>
          <cell r="V700">
            <v>2.9707701997350292E-4</v>
          </cell>
          <cell r="W700">
            <v>2.9707701997350292E-4</v>
          </cell>
        </row>
        <row r="701">
          <cell r="A701" t="str">
            <v>Gra_factoring_%</v>
          </cell>
          <cell r="G701">
            <v>-5.0617738915195009E-5</v>
          </cell>
          <cell r="H701">
            <v>2.6376631192523615E-4</v>
          </cell>
          <cell r="I701">
            <v>1.0657428650502057E-4</v>
          </cell>
          <cell r="J701">
            <v>1.0657428650502057E-4</v>
          </cell>
          <cell r="K701">
            <v>1.0657428650502057E-4</v>
          </cell>
          <cell r="L701">
            <v>1.0657428650502057E-4</v>
          </cell>
          <cell r="M701">
            <v>1.0657428650502057E-4</v>
          </cell>
          <cell r="N701">
            <v>1.0657428650502057E-4</v>
          </cell>
          <cell r="O701">
            <v>1.0657428650502057E-4</v>
          </cell>
          <cell r="P701">
            <v>1.0657428650502057E-4</v>
          </cell>
          <cell r="Q701">
            <v>1.0657428650502057E-4</v>
          </cell>
          <cell r="R701">
            <v>1.0657428650502057E-4</v>
          </cell>
          <cell r="S701">
            <v>1.0657428650502057E-4</v>
          </cell>
          <cell r="T701">
            <v>1.0657428650502057E-4</v>
          </cell>
          <cell r="U701">
            <v>1.0657428650502057E-4</v>
          </cell>
          <cell r="V701">
            <v>1.0657428650502057E-4</v>
          </cell>
          <cell r="W701">
            <v>1.0657428650502057E-4</v>
          </cell>
        </row>
        <row r="702">
          <cell r="A702" t="str">
            <v>FEX_factoring_%</v>
          </cell>
          <cell r="G702">
            <v>0</v>
          </cell>
          <cell r="H702">
            <v>0</v>
          </cell>
          <cell r="I702">
            <v>0</v>
          </cell>
          <cell r="J702">
            <v>0</v>
          </cell>
          <cell r="K702">
            <v>0</v>
          </cell>
          <cell r="L702">
            <v>0</v>
          </cell>
          <cell r="M702">
            <v>0</v>
          </cell>
          <cell r="N702">
            <v>0</v>
          </cell>
          <cell r="O702">
            <v>0</v>
          </cell>
          <cell r="P702">
            <v>0</v>
          </cell>
          <cell r="Q702">
            <v>0</v>
          </cell>
          <cell r="R702">
            <v>0</v>
          </cell>
          <cell r="S702">
            <v>0</v>
          </cell>
          <cell r="T702">
            <v>0</v>
          </cell>
          <cell r="U702">
            <v>0</v>
          </cell>
          <cell r="V702">
            <v>0</v>
          </cell>
          <cell r="W702">
            <v>0</v>
          </cell>
        </row>
        <row r="703">
          <cell r="A703" t="str">
            <v>MCL_factoring_%</v>
          </cell>
          <cell r="G703">
            <v>0</v>
          </cell>
          <cell r="H703">
            <v>0</v>
          </cell>
          <cell r="I703">
            <v>0</v>
          </cell>
          <cell r="J703">
            <v>0</v>
          </cell>
          <cell r="K703">
            <v>0</v>
          </cell>
          <cell r="L703">
            <v>0</v>
          </cell>
          <cell r="M703">
            <v>0</v>
          </cell>
          <cell r="N703">
            <v>0</v>
          </cell>
          <cell r="O703">
            <v>0</v>
          </cell>
          <cell r="P703">
            <v>0</v>
          </cell>
          <cell r="Q703">
            <v>0</v>
          </cell>
          <cell r="R703">
            <v>0</v>
          </cell>
          <cell r="S703">
            <v>0</v>
          </cell>
          <cell r="T703">
            <v>0</v>
          </cell>
          <cell r="U703">
            <v>0</v>
          </cell>
          <cell r="V703">
            <v>0</v>
          </cell>
          <cell r="W703">
            <v>0</v>
          </cell>
        </row>
        <row r="704">
          <cell r="A704" t="str">
            <v>MCG_factoring_%</v>
          </cell>
          <cell r="G704">
            <v>0</v>
          </cell>
          <cell r="H704">
            <v>0</v>
          </cell>
          <cell r="I704">
            <v>0</v>
          </cell>
          <cell r="J704">
            <v>0</v>
          </cell>
          <cell r="K704">
            <v>0</v>
          </cell>
          <cell r="L704">
            <v>0</v>
          </cell>
          <cell r="M704">
            <v>0</v>
          </cell>
          <cell r="N704">
            <v>0</v>
          </cell>
          <cell r="O704">
            <v>0</v>
          </cell>
          <cell r="P704">
            <v>0</v>
          </cell>
          <cell r="Q704">
            <v>0</v>
          </cell>
          <cell r="R704">
            <v>0</v>
          </cell>
          <cell r="S704">
            <v>0</v>
          </cell>
          <cell r="T704">
            <v>0</v>
          </cell>
          <cell r="U704">
            <v>0</v>
          </cell>
          <cell r="V704">
            <v>0</v>
          </cell>
          <cell r="W704">
            <v>0</v>
          </cell>
        </row>
        <row r="705">
          <cell r="A705" t="str">
            <v>MLE_factoring_%</v>
          </cell>
          <cell r="G705">
            <v>0</v>
          </cell>
          <cell r="H705">
            <v>0</v>
          </cell>
          <cell r="I705">
            <v>0</v>
          </cell>
          <cell r="J705">
            <v>0</v>
          </cell>
          <cell r="K705">
            <v>0</v>
          </cell>
          <cell r="L705">
            <v>0</v>
          </cell>
          <cell r="M705">
            <v>0</v>
          </cell>
          <cell r="N705">
            <v>0</v>
          </cell>
          <cell r="O705">
            <v>0</v>
          </cell>
          <cell r="P705">
            <v>0</v>
          </cell>
          <cell r="Q705">
            <v>0</v>
          </cell>
          <cell r="R705">
            <v>0</v>
          </cell>
          <cell r="S705">
            <v>0</v>
          </cell>
          <cell r="T705">
            <v>0</v>
          </cell>
          <cell r="U705">
            <v>0</v>
          </cell>
          <cell r="V705">
            <v>0</v>
          </cell>
          <cell r="W705">
            <v>0</v>
          </cell>
        </row>
        <row r="706">
          <cell r="A706" t="str">
            <v>MFA_factoring_%</v>
          </cell>
          <cell r="G706">
            <v>0</v>
          </cell>
          <cell r="H706">
            <v>0</v>
          </cell>
          <cell r="I706">
            <v>0</v>
          </cell>
          <cell r="J706">
            <v>0</v>
          </cell>
          <cell r="K706">
            <v>0</v>
          </cell>
          <cell r="L706">
            <v>0</v>
          </cell>
          <cell r="M706">
            <v>0</v>
          </cell>
          <cell r="N706">
            <v>0</v>
          </cell>
          <cell r="O706">
            <v>0</v>
          </cell>
          <cell r="P706">
            <v>0</v>
          </cell>
          <cell r="Q706">
            <v>0</v>
          </cell>
          <cell r="R706">
            <v>0</v>
          </cell>
          <cell r="S706">
            <v>0</v>
          </cell>
          <cell r="T706">
            <v>0</v>
          </cell>
          <cell r="U706">
            <v>0</v>
          </cell>
          <cell r="V706">
            <v>0</v>
          </cell>
          <cell r="W706">
            <v>0</v>
          </cell>
        </row>
        <row r="707">
          <cell r="A707" t="str">
            <v>MBQ_factoring_%</v>
          </cell>
          <cell r="G707">
            <v>0</v>
          </cell>
          <cell r="H707">
            <v>0</v>
          </cell>
          <cell r="I707">
            <v>0</v>
          </cell>
          <cell r="J707">
            <v>0</v>
          </cell>
          <cell r="K707">
            <v>0</v>
          </cell>
          <cell r="L707">
            <v>0</v>
          </cell>
          <cell r="M707">
            <v>0</v>
          </cell>
          <cell r="N707">
            <v>0</v>
          </cell>
          <cell r="O707">
            <v>0</v>
          </cell>
          <cell r="P707">
            <v>0</v>
          </cell>
          <cell r="Q707">
            <v>0</v>
          </cell>
          <cell r="R707">
            <v>0</v>
          </cell>
          <cell r="S707">
            <v>0</v>
          </cell>
          <cell r="T707">
            <v>0</v>
          </cell>
          <cell r="U707">
            <v>0</v>
          </cell>
          <cell r="V707">
            <v>0</v>
          </cell>
          <cell r="W707">
            <v>0</v>
          </cell>
        </row>
        <row r="708">
          <cell r="A708" t="str">
            <v>MBG_factoring_%</v>
          </cell>
          <cell r="G708">
            <v>0</v>
          </cell>
          <cell r="H708">
            <v>0</v>
          </cell>
          <cell r="I708">
            <v>0</v>
          </cell>
          <cell r="J708">
            <v>0</v>
          </cell>
          <cell r="K708">
            <v>0</v>
          </cell>
          <cell r="L708">
            <v>0</v>
          </cell>
          <cell r="M708">
            <v>0</v>
          </cell>
          <cell r="N708">
            <v>0</v>
          </cell>
          <cell r="O708">
            <v>0</v>
          </cell>
          <cell r="P708">
            <v>0</v>
          </cell>
          <cell r="Q708">
            <v>0</v>
          </cell>
          <cell r="R708">
            <v>0</v>
          </cell>
          <cell r="S708">
            <v>0</v>
          </cell>
          <cell r="T708">
            <v>0</v>
          </cell>
          <cell r="U708">
            <v>0</v>
          </cell>
          <cell r="V708">
            <v>0</v>
          </cell>
          <cell r="W708">
            <v>0</v>
          </cell>
        </row>
        <row r="709">
          <cell r="A709" t="str">
            <v>WID_factoring_%</v>
          </cell>
          <cell r="G709">
            <v>0</v>
          </cell>
          <cell r="H709">
            <v>0</v>
          </cell>
          <cell r="I709">
            <v>0</v>
          </cell>
          <cell r="J709">
            <v>0</v>
          </cell>
          <cell r="K709">
            <v>0</v>
          </cell>
          <cell r="L709">
            <v>0</v>
          </cell>
          <cell r="M709">
            <v>0</v>
          </cell>
          <cell r="N709">
            <v>0</v>
          </cell>
          <cell r="O709">
            <v>0</v>
          </cell>
          <cell r="P709">
            <v>0</v>
          </cell>
          <cell r="Q709">
            <v>0</v>
          </cell>
          <cell r="R709">
            <v>0</v>
          </cell>
          <cell r="S709">
            <v>0</v>
          </cell>
          <cell r="T709">
            <v>0</v>
          </cell>
          <cell r="U709">
            <v>0</v>
          </cell>
          <cell r="V709">
            <v>0</v>
          </cell>
          <cell r="W709">
            <v>0</v>
          </cell>
        </row>
        <row r="710">
          <cell r="A710" t="str">
            <v>FIN_factoring_%</v>
          </cell>
          <cell r="G710">
            <v>0</v>
          </cell>
          <cell r="H710">
            <v>0</v>
          </cell>
          <cell r="I710">
            <v>0</v>
          </cell>
          <cell r="J710">
            <v>0</v>
          </cell>
          <cell r="K710">
            <v>0</v>
          </cell>
          <cell r="L710">
            <v>0</v>
          </cell>
          <cell r="M710">
            <v>0</v>
          </cell>
          <cell r="N710">
            <v>0</v>
          </cell>
          <cell r="O710">
            <v>0</v>
          </cell>
          <cell r="P710">
            <v>0</v>
          </cell>
          <cell r="Q710">
            <v>0</v>
          </cell>
          <cell r="R710">
            <v>0</v>
          </cell>
          <cell r="S710">
            <v>0</v>
          </cell>
          <cell r="T710">
            <v>0</v>
          </cell>
          <cell r="U710">
            <v>0</v>
          </cell>
          <cell r="V710">
            <v>0</v>
          </cell>
          <cell r="W710">
            <v>0</v>
          </cell>
        </row>
        <row r="711">
          <cell r="A711" t="str">
            <v>ALM_factoring_%</v>
          </cell>
          <cell r="G711">
            <v>0</v>
          </cell>
          <cell r="H711">
            <v>0</v>
          </cell>
          <cell r="I711">
            <v>0</v>
          </cell>
          <cell r="J711">
            <v>0</v>
          </cell>
          <cell r="K711">
            <v>0</v>
          </cell>
          <cell r="L711">
            <v>0</v>
          </cell>
          <cell r="M711">
            <v>0</v>
          </cell>
          <cell r="N711">
            <v>0</v>
          </cell>
          <cell r="O711">
            <v>0</v>
          </cell>
          <cell r="P711">
            <v>0</v>
          </cell>
          <cell r="Q711">
            <v>0</v>
          </cell>
          <cell r="R711">
            <v>0</v>
          </cell>
          <cell r="S711">
            <v>0</v>
          </cell>
          <cell r="T711">
            <v>0</v>
          </cell>
          <cell r="U711">
            <v>0</v>
          </cell>
          <cell r="V711">
            <v>0</v>
          </cell>
          <cell r="W711">
            <v>0</v>
          </cell>
        </row>
        <row r="712">
          <cell r="A712" t="str">
            <v>FUO_factoring_%</v>
          </cell>
          <cell r="G712">
            <v>0</v>
          </cell>
          <cell r="H712">
            <v>0</v>
          </cell>
          <cell r="I712">
            <v>0</v>
          </cell>
          <cell r="J712">
            <v>0</v>
          </cell>
          <cell r="K712">
            <v>0</v>
          </cell>
          <cell r="L712">
            <v>0</v>
          </cell>
          <cell r="M712">
            <v>0</v>
          </cell>
          <cell r="N712">
            <v>0</v>
          </cell>
          <cell r="O712">
            <v>0</v>
          </cell>
          <cell r="P712">
            <v>0</v>
          </cell>
          <cell r="Q712">
            <v>0</v>
          </cell>
          <cell r="R712">
            <v>0</v>
          </cell>
          <cell r="S712">
            <v>0</v>
          </cell>
          <cell r="T712">
            <v>0</v>
          </cell>
          <cell r="U712">
            <v>0</v>
          </cell>
          <cell r="V712">
            <v>0</v>
          </cell>
          <cell r="W712">
            <v>0</v>
          </cell>
        </row>
        <row r="713">
          <cell r="A713" t="str">
            <v>XXX_factoring_%</v>
          </cell>
          <cell r="G713">
            <v>0</v>
          </cell>
          <cell r="H713">
            <v>0</v>
          </cell>
          <cell r="I713">
            <v>0</v>
          </cell>
          <cell r="J713">
            <v>0</v>
          </cell>
          <cell r="K713">
            <v>0</v>
          </cell>
          <cell r="L713">
            <v>0</v>
          </cell>
          <cell r="M713">
            <v>0</v>
          </cell>
          <cell r="N713">
            <v>0</v>
          </cell>
          <cell r="O713">
            <v>0</v>
          </cell>
          <cell r="P713">
            <v>0</v>
          </cell>
          <cell r="Q713">
            <v>0</v>
          </cell>
          <cell r="R713">
            <v>0</v>
          </cell>
          <cell r="S713">
            <v>0</v>
          </cell>
          <cell r="T713">
            <v>0</v>
          </cell>
          <cell r="U713">
            <v>0</v>
          </cell>
          <cell r="V713">
            <v>0</v>
          </cell>
          <cell r="W713">
            <v>0</v>
          </cell>
        </row>
        <row r="714">
          <cell r="G714">
            <v>0</v>
          </cell>
          <cell r="H714">
            <v>0</v>
          </cell>
          <cell r="I714">
            <v>0</v>
          </cell>
          <cell r="J714">
            <v>0</v>
          </cell>
          <cell r="K714">
            <v>0</v>
          </cell>
          <cell r="L714">
            <v>0</v>
          </cell>
          <cell r="M714">
            <v>0</v>
          </cell>
          <cell r="N714">
            <v>0</v>
          </cell>
          <cell r="O714">
            <v>0</v>
          </cell>
          <cell r="P714">
            <v>0</v>
          </cell>
          <cell r="Q714">
            <v>0</v>
          </cell>
          <cell r="R714">
            <v>0</v>
          </cell>
          <cell r="S714">
            <v>0</v>
          </cell>
          <cell r="T714">
            <v>0</v>
          </cell>
          <cell r="U714">
            <v>0</v>
          </cell>
          <cell r="V714">
            <v>0</v>
          </cell>
          <cell r="W714">
            <v>0</v>
          </cell>
        </row>
        <row r="715">
          <cell r="G715">
            <v>0</v>
          </cell>
          <cell r="H715">
            <v>0</v>
          </cell>
          <cell r="I715">
            <v>0</v>
          </cell>
          <cell r="J715">
            <v>0</v>
          </cell>
          <cell r="K715">
            <v>0</v>
          </cell>
          <cell r="L715">
            <v>0</v>
          </cell>
          <cell r="M715">
            <v>0</v>
          </cell>
          <cell r="N715">
            <v>0</v>
          </cell>
          <cell r="O715">
            <v>0</v>
          </cell>
          <cell r="P715">
            <v>0</v>
          </cell>
          <cell r="Q715">
            <v>0</v>
          </cell>
          <cell r="R715">
            <v>0</v>
          </cell>
          <cell r="S715">
            <v>0</v>
          </cell>
          <cell r="T715">
            <v>0</v>
          </cell>
          <cell r="U715">
            <v>0</v>
          </cell>
          <cell r="V715">
            <v>0</v>
          </cell>
          <cell r="W715">
            <v>0</v>
          </cell>
        </row>
        <row r="716">
          <cell r="A716" t="str">
            <v>Val_incassi est_%</v>
          </cell>
          <cell r="G716">
            <v>1.4485554647278653</v>
          </cell>
          <cell r="H716">
            <v>4.063502954034627</v>
          </cell>
          <cell r="I716">
            <v>2.7560292093812464</v>
          </cell>
          <cell r="J716">
            <v>2.7560292093812464</v>
          </cell>
          <cell r="K716">
            <v>2.7560292093812464</v>
          </cell>
          <cell r="L716">
            <v>2.7560292093812464</v>
          </cell>
          <cell r="M716">
            <v>2.7560292093812464</v>
          </cell>
          <cell r="N716">
            <v>2.7560292093812464</v>
          </cell>
          <cell r="O716">
            <v>2.7560292093812464</v>
          </cell>
          <cell r="P716">
            <v>2.7560292093812464</v>
          </cell>
          <cell r="Q716">
            <v>2.7560292093812464</v>
          </cell>
          <cell r="R716">
            <v>2.7560292093812464</v>
          </cell>
          <cell r="S716">
            <v>2.7560292093812464</v>
          </cell>
          <cell r="T716">
            <v>2.7560292093812464</v>
          </cell>
          <cell r="U716">
            <v>2.7560292093812464</v>
          </cell>
          <cell r="V716">
            <v>2.7560292093812464</v>
          </cell>
          <cell r="W716">
            <v>2.7560292093812464</v>
          </cell>
          <cell r="Y716">
            <v>0</v>
          </cell>
          <cell r="Z716">
            <v>0</v>
          </cell>
        </row>
        <row r="717">
          <cell r="A717" t="str">
            <v>Pre_incassi est_%</v>
          </cell>
          <cell r="G717">
            <v>6.9092614943866829E-2</v>
          </cell>
          <cell r="H717">
            <v>6.2074421350155326E-2</v>
          </cell>
          <cell r="I717">
            <v>6.5583518147011077E-2</v>
          </cell>
          <cell r="J717">
            <v>6.5583518147011077E-2</v>
          </cell>
          <cell r="K717">
            <v>6.5583518147011077E-2</v>
          </cell>
          <cell r="L717">
            <v>6.5583518147011077E-2</v>
          </cell>
          <cell r="M717">
            <v>6.5583518147011077E-2</v>
          </cell>
          <cell r="N717">
            <v>6.5583518147011077E-2</v>
          </cell>
          <cell r="O717">
            <v>6.5583518147011077E-2</v>
          </cell>
          <cell r="P717">
            <v>6.5583518147011077E-2</v>
          </cell>
          <cell r="Q717">
            <v>6.5583518147011077E-2</v>
          </cell>
          <cell r="R717">
            <v>6.5583518147011077E-2</v>
          </cell>
          <cell r="S717">
            <v>6.5583518147011077E-2</v>
          </cell>
          <cell r="T717">
            <v>6.5583518147011077E-2</v>
          </cell>
          <cell r="U717">
            <v>6.5583518147011077E-2</v>
          </cell>
          <cell r="V717">
            <v>6.5583518147011077E-2</v>
          </cell>
          <cell r="W717">
            <v>6.5583518147011077E-2</v>
          </cell>
        </row>
        <row r="718">
          <cell r="A718" t="str">
            <v>Sma_incassi est_%</v>
          </cell>
          <cell r="G718">
            <v>7.2211390301245335E-2</v>
          </cell>
          <cell r="H718">
            <v>7.8896526692603386E-2</v>
          </cell>
          <cell r="I718">
            <v>7.5553958496924367E-2</v>
          </cell>
          <cell r="J718">
            <v>7.5553958496924367E-2</v>
          </cell>
          <cell r="K718">
            <v>7.5553958496924367E-2</v>
          </cell>
          <cell r="L718">
            <v>7.5553958496924367E-2</v>
          </cell>
          <cell r="M718">
            <v>7.5553958496924367E-2</v>
          </cell>
          <cell r="N718">
            <v>7.5553958496924367E-2</v>
          </cell>
          <cell r="O718">
            <v>7.5553958496924367E-2</v>
          </cell>
          <cell r="P718">
            <v>7.5553958496924367E-2</v>
          </cell>
          <cell r="Q718">
            <v>7.5553958496924367E-2</v>
          </cell>
          <cell r="R718">
            <v>7.5553958496924367E-2</v>
          </cell>
          <cell r="S718">
            <v>7.5553958496924367E-2</v>
          </cell>
          <cell r="T718">
            <v>7.5553958496924367E-2</v>
          </cell>
          <cell r="U718">
            <v>7.5553958496924367E-2</v>
          </cell>
          <cell r="V718">
            <v>7.5553958496924367E-2</v>
          </cell>
          <cell r="W718">
            <v>7.5553958496924367E-2</v>
          </cell>
        </row>
        <row r="719">
          <cell r="A719" t="str">
            <v>Pri_incassi est_%</v>
          </cell>
          <cell r="G719">
            <v>1.9125569936114448E-2</v>
          </cell>
          <cell r="H719">
            <v>2.0843117824004172E-2</v>
          </cell>
          <cell r="I719">
            <v>1.9984343880059312E-2</v>
          </cell>
          <cell r="J719">
            <v>1.9984343880059312E-2</v>
          </cell>
          <cell r="K719">
            <v>1.9984343880059312E-2</v>
          </cell>
          <cell r="L719">
            <v>1.9984343880059312E-2</v>
          </cell>
          <cell r="M719">
            <v>1.9984343880059312E-2</v>
          </cell>
          <cell r="N719">
            <v>1.9984343880059312E-2</v>
          </cell>
          <cell r="O719">
            <v>1.9984343880059312E-2</v>
          </cell>
          <cell r="P719">
            <v>1.9984343880059312E-2</v>
          </cell>
          <cell r="Q719">
            <v>1.9984343880059312E-2</v>
          </cell>
          <cell r="R719">
            <v>1.9984343880059312E-2</v>
          </cell>
          <cell r="S719">
            <v>1.9984343880059312E-2</v>
          </cell>
          <cell r="T719">
            <v>1.9984343880059312E-2</v>
          </cell>
          <cell r="U719">
            <v>1.9984343880059312E-2</v>
          </cell>
          <cell r="V719">
            <v>1.9984343880059312E-2</v>
          </cell>
          <cell r="W719">
            <v>1.9984343880059312E-2</v>
          </cell>
        </row>
        <row r="720">
          <cell r="A720" t="str">
            <v>Fam_incassi est_%</v>
          </cell>
          <cell r="G720">
            <v>0.71415956577386686</v>
          </cell>
          <cell r="H720">
            <v>0.54635069598060404</v>
          </cell>
          <cell r="I720">
            <v>0.6302551308772355</v>
          </cell>
          <cell r="J720">
            <v>0.6302551308772355</v>
          </cell>
          <cell r="K720">
            <v>0.6302551308772355</v>
          </cell>
          <cell r="L720">
            <v>0.6302551308772355</v>
          </cell>
          <cell r="M720">
            <v>0.6302551308772355</v>
          </cell>
          <cell r="N720">
            <v>0.6302551308772355</v>
          </cell>
          <cell r="O720">
            <v>0.6302551308772355</v>
          </cell>
          <cell r="P720">
            <v>0.6302551308772355</v>
          </cell>
          <cell r="Q720">
            <v>0.6302551308772355</v>
          </cell>
          <cell r="R720">
            <v>0.6302551308772355</v>
          </cell>
          <cell r="S720">
            <v>0.6302551308772355</v>
          </cell>
          <cell r="T720">
            <v>0.6302551308772355</v>
          </cell>
          <cell r="U720">
            <v>0.6302551308772355</v>
          </cell>
          <cell r="V720">
            <v>0.6302551308772355</v>
          </cell>
          <cell r="W720">
            <v>0.6302551308772355</v>
          </cell>
        </row>
        <row r="721">
          <cell r="A721" t="str">
            <v>PMI_incassi est_%</v>
          </cell>
          <cell r="G721">
            <v>8.2402150279235059E-3</v>
          </cell>
          <cell r="H721">
            <v>8.8767037123738592E-3</v>
          </cell>
          <cell r="I721">
            <v>8.5584593701486834E-3</v>
          </cell>
          <cell r="J721">
            <v>8.5584593701486834E-3</v>
          </cell>
          <cell r="K721">
            <v>8.5584593701486834E-3</v>
          </cell>
          <cell r="L721">
            <v>8.5584593701486834E-3</v>
          </cell>
          <cell r="M721">
            <v>8.5584593701486834E-3</v>
          </cell>
          <cell r="N721">
            <v>8.5584593701486834E-3</v>
          </cell>
          <cell r="O721">
            <v>8.5584593701486834E-3</v>
          </cell>
          <cell r="P721">
            <v>8.5584593701486834E-3</v>
          </cell>
          <cell r="Q721">
            <v>8.5584593701486834E-3</v>
          </cell>
          <cell r="R721">
            <v>8.5584593701486834E-3</v>
          </cell>
          <cell r="S721">
            <v>8.5584593701486834E-3</v>
          </cell>
          <cell r="T721">
            <v>8.5584593701486834E-3</v>
          </cell>
          <cell r="U721">
            <v>8.5584593701486834E-3</v>
          </cell>
          <cell r="V721">
            <v>8.5584593701486834E-3</v>
          </cell>
          <cell r="W721">
            <v>8.5584593701486834E-3</v>
          </cell>
        </row>
        <row r="722">
          <cell r="A722" t="str">
            <v>ENT_incassi est_%</v>
          </cell>
          <cell r="G722">
            <v>4.8490843656559864E-3</v>
          </cell>
          <cell r="H722">
            <v>4.1888641442113716E-3</v>
          </cell>
          <cell r="I722">
            <v>4.5189742549336786E-3</v>
          </cell>
          <cell r="J722">
            <v>4.5189742549336786E-3</v>
          </cell>
          <cell r="K722">
            <v>4.5189742549336786E-3</v>
          </cell>
          <cell r="L722">
            <v>4.5189742549336786E-3</v>
          </cell>
          <cell r="M722">
            <v>4.5189742549336786E-3</v>
          </cell>
          <cell r="N722">
            <v>4.5189742549336786E-3</v>
          </cell>
          <cell r="O722">
            <v>4.5189742549336786E-3</v>
          </cell>
          <cell r="P722">
            <v>4.5189742549336786E-3</v>
          </cell>
          <cell r="Q722">
            <v>4.5189742549336786E-3</v>
          </cell>
          <cell r="R722">
            <v>4.5189742549336786E-3</v>
          </cell>
          <cell r="S722">
            <v>4.5189742549336786E-3</v>
          </cell>
          <cell r="T722">
            <v>4.5189742549336786E-3</v>
          </cell>
          <cell r="U722">
            <v>4.5189742549336786E-3</v>
          </cell>
          <cell r="V722">
            <v>4.5189742549336786E-3</v>
          </cell>
          <cell r="W722">
            <v>4.5189742549336786E-3</v>
          </cell>
        </row>
        <row r="723">
          <cell r="A723" t="str">
            <v>Cor_incassi est_%</v>
          </cell>
          <cell r="G723">
            <v>1.3426454974686431E-3</v>
          </cell>
          <cell r="H723">
            <v>5.5059081016137932E-3</v>
          </cell>
          <cell r="I723">
            <v>3.4242767995412184E-3</v>
          </cell>
          <cell r="J723">
            <v>3.4242767995412184E-3</v>
          </cell>
          <cell r="K723">
            <v>3.4242767995412184E-3</v>
          </cell>
          <cell r="L723">
            <v>3.4242767995412184E-3</v>
          </cell>
          <cell r="M723">
            <v>3.4242767995412184E-3</v>
          </cell>
          <cell r="N723">
            <v>3.4242767995412184E-3</v>
          </cell>
          <cell r="O723">
            <v>3.4242767995412184E-3</v>
          </cell>
          <cell r="P723">
            <v>3.4242767995412184E-3</v>
          </cell>
          <cell r="Q723">
            <v>3.4242767995412184E-3</v>
          </cell>
          <cell r="R723">
            <v>3.4242767995412184E-3</v>
          </cell>
          <cell r="S723">
            <v>3.4242767995412184E-3</v>
          </cell>
          <cell r="T723">
            <v>3.4242767995412184E-3</v>
          </cell>
          <cell r="U723">
            <v>3.4242767995412184E-3</v>
          </cell>
          <cell r="V723">
            <v>3.4242767995412184E-3</v>
          </cell>
          <cell r="W723">
            <v>3.4242767995412184E-3</v>
          </cell>
        </row>
        <row r="724">
          <cell r="A724" t="str">
            <v>Gra_incassi est_%</v>
          </cell>
          <cell r="G724">
            <v>1.1517704509488866E-3</v>
          </cell>
          <cell r="H724">
            <v>1.3410645426855784E-3</v>
          </cell>
          <cell r="I724">
            <v>1.2464174968172324E-3</v>
          </cell>
          <cell r="J724">
            <v>1.2464174968172324E-3</v>
          </cell>
          <cell r="K724">
            <v>1.2464174968172324E-3</v>
          </cell>
          <cell r="L724">
            <v>1.2464174968172324E-3</v>
          </cell>
          <cell r="M724">
            <v>1.2464174968172324E-3</v>
          </cell>
          <cell r="N724">
            <v>1.2464174968172324E-3</v>
          </cell>
          <cell r="O724">
            <v>1.2464174968172324E-3</v>
          </cell>
          <cell r="P724">
            <v>1.2464174968172324E-3</v>
          </cell>
          <cell r="Q724">
            <v>1.2464174968172324E-3</v>
          </cell>
          <cell r="R724">
            <v>1.2464174968172324E-3</v>
          </cell>
          <cell r="S724">
            <v>1.2464174968172324E-3</v>
          </cell>
          <cell r="T724">
            <v>1.2464174968172324E-3</v>
          </cell>
          <cell r="U724">
            <v>1.2464174968172324E-3</v>
          </cell>
          <cell r="V724">
            <v>1.2464174968172324E-3</v>
          </cell>
          <cell r="W724">
            <v>1.2464174968172324E-3</v>
          </cell>
        </row>
        <row r="725">
          <cell r="A725" t="str">
            <v>FEX_incassi est_%</v>
          </cell>
          <cell r="G725">
            <v>0</v>
          </cell>
          <cell r="H725">
            <v>0</v>
          </cell>
          <cell r="I725">
            <v>0</v>
          </cell>
          <cell r="J725">
            <v>0</v>
          </cell>
          <cell r="K725">
            <v>0</v>
          </cell>
          <cell r="L725">
            <v>0</v>
          </cell>
          <cell r="M725">
            <v>0</v>
          </cell>
          <cell r="N725">
            <v>0</v>
          </cell>
          <cell r="O725">
            <v>0</v>
          </cell>
          <cell r="P725">
            <v>0</v>
          </cell>
          <cell r="Q725">
            <v>0</v>
          </cell>
          <cell r="R725">
            <v>0</v>
          </cell>
          <cell r="S725">
            <v>0</v>
          </cell>
          <cell r="T725">
            <v>0</v>
          </cell>
          <cell r="U725">
            <v>0</v>
          </cell>
          <cell r="V725">
            <v>0</v>
          </cell>
          <cell r="W725">
            <v>0</v>
          </cell>
        </row>
        <row r="726">
          <cell r="A726" t="str">
            <v>MCL_incassi est_%</v>
          </cell>
          <cell r="G726">
            <v>0</v>
          </cell>
          <cell r="H726">
            <v>0</v>
          </cell>
          <cell r="I726">
            <v>0</v>
          </cell>
          <cell r="J726">
            <v>0</v>
          </cell>
          <cell r="K726">
            <v>0</v>
          </cell>
          <cell r="L726">
            <v>0</v>
          </cell>
          <cell r="M726">
            <v>0</v>
          </cell>
          <cell r="N726">
            <v>0</v>
          </cell>
          <cell r="O726">
            <v>0</v>
          </cell>
          <cell r="P726">
            <v>0</v>
          </cell>
          <cell r="Q726">
            <v>0</v>
          </cell>
          <cell r="R726">
            <v>0</v>
          </cell>
          <cell r="S726">
            <v>0</v>
          </cell>
          <cell r="T726">
            <v>0</v>
          </cell>
          <cell r="U726">
            <v>0</v>
          </cell>
          <cell r="V726">
            <v>0</v>
          </cell>
          <cell r="W726">
            <v>0</v>
          </cell>
        </row>
        <row r="727">
          <cell r="A727" t="str">
            <v>MCG_incassi est_%</v>
          </cell>
          <cell r="G727">
            <v>0</v>
          </cell>
          <cell r="H727">
            <v>0</v>
          </cell>
          <cell r="I727">
            <v>0</v>
          </cell>
          <cell r="J727">
            <v>0</v>
          </cell>
          <cell r="K727">
            <v>0</v>
          </cell>
          <cell r="L727">
            <v>0</v>
          </cell>
          <cell r="M727">
            <v>0</v>
          </cell>
          <cell r="N727">
            <v>0</v>
          </cell>
          <cell r="O727">
            <v>0</v>
          </cell>
          <cell r="P727">
            <v>0</v>
          </cell>
          <cell r="Q727">
            <v>0</v>
          </cell>
          <cell r="R727">
            <v>0</v>
          </cell>
          <cell r="S727">
            <v>0</v>
          </cell>
          <cell r="T727">
            <v>0</v>
          </cell>
          <cell r="U727">
            <v>0</v>
          </cell>
          <cell r="V727">
            <v>0</v>
          </cell>
          <cell r="W727">
            <v>0</v>
          </cell>
        </row>
        <row r="728">
          <cell r="A728" t="str">
            <v>MLE_incassi est_%</v>
          </cell>
          <cell r="G728">
            <v>0</v>
          </cell>
          <cell r="H728">
            <v>0</v>
          </cell>
          <cell r="I728">
            <v>0</v>
          </cell>
          <cell r="J728">
            <v>0</v>
          </cell>
          <cell r="K728">
            <v>0</v>
          </cell>
          <cell r="L728">
            <v>0</v>
          </cell>
          <cell r="M728">
            <v>0</v>
          </cell>
          <cell r="N728">
            <v>0</v>
          </cell>
          <cell r="O728">
            <v>0</v>
          </cell>
          <cell r="P728">
            <v>0</v>
          </cell>
          <cell r="Q728">
            <v>0</v>
          </cell>
          <cell r="R728">
            <v>0</v>
          </cell>
          <cell r="S728">
            <v>0</v>
          </cell>
          <cell r="T728">
            <v>0</v>
          </cell>
          <cell r="U728">
            <v>0</v>
          </cell>
          <cell r="V728">
            <v>0</v>
          </cell>
          <cell r="W728">
            <v>0</v>
          </cell>
        </row>
        <row r="729">
          <cell r="A729" t="str">
            <v>MFA_incassi est_%</v>
          </cell>
          <cell r="G729">
            <v>0</v>
          </cell>
          <cell r="H729">
            <v>0</v>
          </cell>
          <cell r="I729">
            <v>0</v>
          </cell>
          <cell r="J729">
            <v>0</v>
          </cell>
          <cell r="K729">
            <v>0</v>
          </cell>
          <cell r="L729">
            <v>0</v>
          </cell>
          <cell r="M729">
            <v>0</v>
          </cell>
          <cell r="N729">
            <v>0</v>
          </cell>
          <cell r="O729">
            <v>0</v>
          </cell>
          <cell r="P729">
            <v>0</v>
          </cell>
          <cell r="Q729">
            <v>0</v>
          </cell>
          <cell r="R729">
            <v>0</v>
          </cell>
          <cell r="S729">
            <v>0</v>
          </cell>
          <cell r="T729">
            <v>0</v>
          </cell>
          <cell r="U729">
            <v>0</v>
          </cell>
          <cell r="V729">
            <v>0</v>
          </cell>
          <cell r="W729">
            <v>0</v>
          </cell>
        </row>
        <row r="730">
          <cell r="A730" t="str">
            <v>MBQ_incassi est_%</v>
          </cell>
          <cell r="G730">
            <v>0</v>
          </cell>
          <cell r="H730">
            <v>0</v>
          </cell>
          <cell r="I730">
            <v>0</v>
          </cell>
          <cell r="J730">
            <v>0</v>
          </cell>
          <cell r="K730">
            <v>0</v>
          </cell>
          <cell r="L730">
            <v>0</v>
          </cell>
          <cell r="M730">
            <v>0</v>
          </cell>
          <cell r="N730">
            <v>0</v>
          </cell>
          <cell r="O730">
            <v>0</v>
          </cell>
          <cell r="P730">
            <v>0</v>
          </cell>
          <cell r="Q730">
            <v>0</v>
          </cell>
          <cell r="R730">
            <v>0</v>
          </cell>
          <cell r="S730">
            <v>0</v>
          </cell>
          <cell r="T730">
            <v>0</v>
          </cell>
          <cell r="U730">
            <v>0</v>
          </cell>
          <cell r="V730">
            <v>0</v>
          </cell>
          <cell r="W730">
            <v>0</v>
          </cell>
        </row>
        <row r="731">
          <cell r="A731" t="str">
            <v>MBG_incassi est_%</v>
          </cell>
          <cell r="G731">
            <v>0</v>
          </cell>
          <cell r="H731">
            <v>0</v>
          </cell>
          <cell r="I731">
            <v>0</v>
          </cell>
          <cell r="J731">
            <v>0</v>
          </cell>
          <cell r="K731">
            <v>0</v>
          </cell>
          <cell r="L731">
            <v>0</v>
          </cell>
          <cell r="M731">
            <v>0</v>
          </cell>
          <cell r="N731">
            <v>0</v>
          </cell>
          <cell r="O731">
            <v>0</v>
          </cell>
          <cell r="P731">
            <v>0</v>
          </cell>
          <cell r="Q731">
            <v>0</v>
          </cell>
          <cell r="R731">
            <v>0</v>
          </cell>
          <cell r="S731">
            <v>0</v>
          </cell>
          <cell r="T731">
            <v>0</v>
          </cell>
          <cell r="U731">
            <v>0</v>
          </cell>
          <cell r="V731">
            <v>0</v>
          </cell>
          <cell r="W731">
            <v>0</v>
          </cell>
        </row>
        <row r="732">
          <cell r="A732" t="str">
            <v>WID_incassi est_%</v>
          </cell>
          <cell r="G732">
            <v>0</v>
          </cell>
          <cell r="H732">
            <v>0</v>
          </cell>
          <cell r="I732">
            <v>0</v>
          </cell>
          <cell r="J732">
            <v>0</v>
          </cell>
          <cell r="K732">
            <v>0</v>
          </cell>
          <cell r="L732">
            <v>0</v>
          </cell>
          <cell r="M732">
            <v>0</v>
          </cell>
          <cell r="N732">
            <v>0</v>
          </cell>
          <cell r="O732">
            <v>0</v>
          </cell>
          <cell r="P732">
            <v>0</v>
          </cell>
          <cell r="Q732">
            <v>0</v>
          </cell>
          <cell r="R732">
            <v>0</v>
          </cell>
          <cell r="S732">
            <v>0</v>
          </cell>
          <cell r="T732">
            <v>0</v>
          </cell>
          <cell r="U732">
            <v>0</v>
          </cell>
          <cell r="V732">
            <v>0</v>
          </cell>
          <cell r="W732">
            <v>0</v>
          </cell>
        </row>
        <row r="733">
          <cell r="A733" t="str">
            <v>FIN_incassi est_%</v>
          </cell>
          <cell r="G733">
            <v>0</v>
          </cell>
          <cell r="H733">
            <v>0</v>
          </cell>
          <cell r="I733">
            <v>0</v>
          </cell>
          <cell r="J733">
            <v>0</v>
          </cell>
          <cell r="K733">
            <v>0</v>
          </cell>
          <cell r="L733">
            <v>0</v>
          </cell>
          <cell r="M733">
            <v>0</v>
          </cell>
          <cell r="N733">
            <v>0</v>
          </cell>
          <cell r="O733">
            <v>0</v>
          </cell>
          <cell r="P733">
            <v>0</v>
          </cell>
          <cell r="Q733">
            <v>0</v>
          </cell>
          <cell r="R733">
            <v>0</v>
          </cell>
          <cell r="S733">
            <v>0</v>
          </cell>
          <cell r="T733">
            <v>0</v>
          </cell>
          <cell r="U733">
            <v>0</v>
          </cell>
          <cell r="V733">
            <v>0</v>
          </cell>
          <cell r="W733">
            <v>0</v>
          </cell>
        </row>
        <row r="734">
          <cell r="A734" t="str">
            <v>ALM_incassi est_%</v>
          </cell>
          <cell r="G734">
            <v>0</v>
          </cell>
          <cell r="H734">
            <v>0</v>
          </cell>
          <cell r="I734">
            <v>0</v>
          </cell>
          <cell r="J734">
            <v>0</v>
          </cell>
          <cell r="K734">
            <v>0</v>
          </cell>
          <cell r="L734">
            <v>0</v>
          </cell>
          <cell r="M734">
            <v>0</v>
          </cell>
          <cell r="N734">
            <v>0</v>
          </cell>
          <cell r="O734">
            <v>0</v>
          </cell>
          <cell r="P734">
            <v>0</v>
          </cell>
          <cell r="Q734">
            <v>0</v>
          </cell>
          <cell r="R734">
            <v>0</v>
          </cell>
          <cell r="S734">
            <v>0</v>
          </cell>
          <cell r="T734">
            <v>0</v>
          </cell>
          <cell r="U734">
            <v>0</v>
          </cell>
          <cell r="V734">
            <v>0</v>
          </cell>
          <cell r="W734">
            <v>0</v>
          </cell>
        </row>
        <row r="735">
          <cell r="A735" t="str">
            <v>FUO_incassi est_%</v>
          </cell>
          <cell r="G735">
            <v>0</v>
          </cell>
          <cell r="H735">
            <v>0</v>
          </cell>
          <cell r="I735">
            <v>0</v>
          </cell>
          <cell r="J735">
            <v>0</v>
          </cell>
          <cell r="K735">
            <v>0</v>
          </cell>
          <cell r="L735">
            <v>0</v>
          </cell>
          <cell r="M735">
            <v>0</v>
          </cell>
          <cell r="N735">
            <v>0</v>
          </cell>
          <cell r="O735">
            <v>0</v>
          </cell>
          <cell r="P735">
            <v>0</v>
          </cell>
          <cell r="Q735">
            <v>0</v>
          </cell>
          <cell r="R735">
            <v>0</v>
          </cell>
          <cell r="S735">
            <v>0</v>
          </cell>
          <cell r="T735">
            <v>0</v>
          </cell>
          <cell r="U735">
            <v>0</v>
          </cell>
          <cell r="V735">
            <v>0</v>
          </cell>
          <cell r="W735">
            <v>0</v>
          </cell>
        </row>
        <row r="736">
          <cell r="A736" t="str">
            <v>XXX_incassi est_%</v>
          </cell>
          <cell r="G736">
            <v>0</v>
          </cell>
          <cell r="H736">
            <v>0</v>
          </cell>
          <cell r="I736">
            <v>0</v>
          </cell>
          <cell r="J736">
            <v>0</v>
          </cell>
          <cell r="K736">
            <v>0</v>
          </cell>
          <cell r="L736">
            <v>0</v>
          </cell>
          <cell r="M736">
            <v>0</v>
          </cell>
          <cell r="N736">
            <v>0</v>
          </cell>
          <cell r="O736">
            <v>0</v>
          </cell>
          <cell r="P736">
            <v>0</v>
          </cell>
          <cell r="Q736">
            <v>0</v>
          </cell>
          <cell r="R736">
            <v>0</v>
          </cell>
          <cell r="S736">
            <v>0</v>
          </cell>
          <cell r="T736">
            <v>0</v>
          </cell>
          <cell r="U736">
            <v>0</v>
          </cell>
          <cell r="V736">
            <v>0</v>
          </cell>
          <cell r="W736">
            <v>0</v>
          </cell>
        </row>
        <row r="737">
          <cell r="G737">
            <v>0</v>
          </cell>
          <cell r="H737">
            <v>0</v>
          </cell>
          <cell r="I737">
            <v>0</v>
          </cell>
          <cell r="J737">
            <v>0</v>
          </cell>
          <cell r="K737">
            <v>0</v>
          </cell>
          <cell r="L737">
            <v>0</v>
          </cell>
          <cell r="M737">
            <v>0</v>
          </cell>
          <cell r="N737">
            <v>0</v>
          </cell>
          <cell r="O737">
            <v>0</v>
          </cell>
          <cell r="P737">
            <v>0</v>
          </cell>
          <cell r="Q737">
            <v>0</v>
          </cell>
          <cell r="R737">
            <v>0</v>
          </cell>
          <cell r="S737">
            <v>0</v>
          </cell>
          <cell r="T737">
            <v>0</v>
          </cell>
          <cell r="U737">
            <v>0</v>
          </cell>
          <cell r="V737">
            <v>0</v>
          </cell>
          <cell r="W737">
            <v>0</v>
          </cell>
        </row>
        <row r="738">
          <cell r="A738" t="str">
            <v>Val_firma_EST_%</v>
          </cell>
          <cell r="G738">
            <v>2.8180571656888473E-3</v>
          </cell>
          <cell r="H738">
            <v>2.0365062721582651E-2</v>
          </cell>
          <cell r="I738">
            <v>1.1591559943635749E-2</v>
          </cell>
          <cell r="J738">
            <v>1.1591559943635749E-2</v>
          </cell>
          <cell r="K738">
            <v>1.1591559943635749E-2</v>
          </cell>
          <cell r="L738">
            <v>1.1591559943635749E-2</v>
          </cell>
          <cell r="M738">
            <v>1.1591559943635749E-2</v>
          </cell>
          <cell r="N738">
            <v>1.1591559943635749E-2</v>
          </cell>
          <cell r="O738">
            <v>1.1591559943635749E-2</v>
          </cell>
          <cell r="P738">
            <v>1.1591559943635749E-2</v>
          </cell>
          <cell r="Q738">
            <v>1.1591559943635749E-2</v>
          </cell>
          <cell r="R738">
            <v>1.1591559943635749E-2</v>
          </cell>
          <cell r="S738">
            <v>1.1591559943635749E-2</v>
          </cell>
          <cell r="T738">
            <v>1.1591559943635749E-2</v>
          </cell>
          <cell r="U738">
            <v>1.1591559943635749E-2</v>
          </cell>
          <cell r="V738">
            <v>1.1591559943635749E-2</v>
          </cell>
          <cell r="W738">
            <v>1.1591559943635749E-2</v>
          </cell>
          <cell r="Y738">
            <v>0</v>
          </cell>
          <cell r="Z738">
            <v>0</v>
          </cell>
        </row>
        <row r="739">
          <cell r="A739" t="str">
            <v>Pre_firma_EST_%</v>
          </cell>
          <cell r="G739">
            <v>9.1685165045010783E-4</v>
          </cell>
          <cell r="H739">
            <v>1.0245738224528677E-3</v>
          </cell>
          <cell r="I739">
            <v>9.7071273645148778E-4</v>
          </cell>
          <cell r="J739">
            <v>9.7071273645148778E-4</v>
          </cell>
          <cell r="K739">
            <v>9.7071273645148778E-4</v>
          </cell>
          <cell r="L739">
            <v>9.7071273645148778E-4</v>
          </cell>
          <cell r="M739">
            <v>9.7071273645148778E-4</v>
          </cell>
          <cell r="N739">
            <v>9.7071273645148778E-4</v>
          </cell>
          <cell r="O739">
            <v>9.7071273645148778E-4</v>
          </cell>
          <cell r="P739">
            <v>9.7071273645148778E-4</v>
          </cell>
          <cell r="Q739">
            <v>9.7071273645148778E-4</v>
          </cell>
          <cell r="R739">
            <v>9.7071273645148778E-4</v>
          </cell>
          <cell r="S739">
            <v>9.7071273645148778E-4</v>
          </cell>
          <cell r="T739">
            <v>9.7071273645148778E-4</v>
          </cell>
          <cell r="U739">
            <v>9.7071273645148778E-4</v>
          </cell>
          <cell r="V739">
            <v>9.7071273645148778E-4</v>
          </cell>
          <cell r="W739">
            <v>9.7071273645148778E-4</v>
          </cell>
        </row>
        <row r="740">
          <cell r="A740" t="str">
            <v>Sma_firma_EST_%</v>
          </cell>
          <cell r="G740">
            <v>3.0774336028792225E-2</v>
          </cell>
          <cell r="H740">
            <v>3.792000519662992E-2</v>
          </cell>
          <cell r="I740">
            <v>3.4347170612711073E-2</v>
          </cell>
          <cell r="J740">
            <v>3.4347170612711073E-2</v>
          </cell>
          <cell r="K740">
            <v>3.4347170612711073E-2</v>
          </cell>
          <cell r="L740">
            <v>3.4347170612711073E-2</v>
          </cell>
          <cell r="M740">
            <v>3.4347170612711073E-2</v>
          </cell>
          <cell r="N740">
            <v>3.4347170612711073E-2</v>
          </cell>
          <cell r="O740">
            <v>3.4347170612711073E-2</v>
          </cell>
          <cell r="P740">
            <v>3.4347170612711073E-2</v>
          </cell>
          <cell r="Q740">
            <v>3.4347170612711073E-2</v>
          </cell>
          <cell r="R740">
            <v>3.4347170612711073E-2</v>
          </cell>
          <cell r="S740">
            <v>3.4347170612711073E-2</v>
          </cell>
          <cell r="T740">
            <v>3.4347170612711073E-2</v>
          </cell>
          <cell r="U740">
            <v>3.4347170612711073E-2</v>
          </cell>
          <cell r="V740">
            <v>3.4347170612711073E-2</v>
          </cell>
          <cell r="W740">
            <v>3.4347170612711073E-2</v>
          </cell>
        </row>
        <row r="741">
          <cell r="A741" t="str">
            <v>Pri_firma_EST_%</v>
          </cell>
          <cell r="G741">
            <v>1.2070383032900403E-3</v>
          </cell>
          <cell r="H741">
            <v>9.6778277175074527E-3</v>
          </cell>
          <cell r="I741">
            <v>5.4424330103987461E-3</v>
          </cell>
          <cell r="J741">
            <v>5.4424330103987461E-3</v>
          </cell>
          <cell r="K741">
            <v>5.4424330103987461E-3</v>
          </cell>
          <cell r="L741">
            <v>5.4424330103987461E-3</v>
          </cell>
          <cell r="M741">
            <v>5.4424330103987461E-3</v>
          </cell>
          <cell r="N741">
            <v>5.4424330103987461E-3</v>
          </cell>
          <cell r="O741">
            <v>5.4424330103987461E-3</v>
          </cell>
          <cell r="P741">
            <v>5.4424330103987461E-3</v>
          </cell>
          <cell r="Q741">
            <v>5.4424330103987461E-3</v>
          </cell>
          <cell r="R741">
            <v>5.4424330103987461E-3</v>
          </cell>
          <cell r="S741">
            <v>5.4424330103987461E-3</v>
          </cell>
          <cell r="T741">
            <v>5.4424330103987461E-3</v>
          </cell>
          <cell r="U741">
            <v>5.4424330103987461E-3</v>
          </cell>
          <cell r="V741">
            <v>5.4424330103987461E-3</v>
          </cell>
          <cell r="W741">
            <v>5.4424330103987461E-3</v>
          </cell>
        </row>
        <row r="742">
          <cell r="A742" t="str">
            <v>Fam_firma_EST_%</v>
          </cell>
          <cell r="G742">
            <v>0</v>
          </cell>
          <cell r="H742">
            <v>0</v>
          </cell>
          <cell r="I742">
            <v>0</v>
          </cell>
          <cell r="J742">
            <v>0</v>
          </cell>
          <cell r="K742">
            <v>0</v>
          </cell>
          <cell r="L742">
            <v>0</v>
          </cell>
          <cell r="M742">
            <v>0</v>
          </cell>
          <cell r="N742">
            <v>0</v>
          </cell>
          <cell r="O742">
            <v>0</v>
          </cell>
          <cell r="P742">
            <v>0</v>
          </cell>
          <cell r="Q742">
            <v>0</v>
          </cell>
          <cell r="R742">
            <v>0</v>
          </cell>
          <cell r="S742">
            <v>0</v>
          </cell>
          <cell r="T742">
            <v>0</v>
          </cell>
          <cell r="U742">
            <v>0</v>
          </cell>
          <cell r="V742">
            <v>0</v>
          </cell>
          <cell r="W742">
            <v>0</v>
          </cell>
        </row>
        <row r="743">
          <cell r="A743" t="str">
            <v>PMI_firma_EST_%</v>
          </cell>
          <cell r="G743">
            <v>9.7334096274807897E-3</v>
          </cell>
          <cell r="H743">
            <v>1.6987285168665222E-2</v>
          </cell>
          <cell r="I743">
            <v>1.3360347398073007E-2</v>
          </cell>
          <cell r="J743">
            <v>1.3360347398073007E-2</v>
          </cell>
          <cell r="K743">
            <v>1.3360347398073007E-2</v>
          </cell>
          <cell r="L743">
            <v>1.3360347398073007E-2</v>
          </cell>
          <cell r="M743">
            <v>1.3360347398073007E-2</v>
          </cell>
          <cell r="N743">
            <v>1.3360347398073007E-2</v>
          </cell>
          <cell r="O743">
            <v>1.3360347398073007E-2</v>
          </cell>
          <cell r="P743">
            <v>1.3360347398073007E-2</v>
          </cell>
          <cell r="Q743">
            <v>1.3360347398073007E-2</v>
          </cell>
          <cell r="R743">
            <v>1.3360347398073007E-2</v>
          </cell>
          <cell r="S743">
            <v>1.3360347398073007E-2</v>
          </cell>
          <cell r="T743">
            <v>1.3360347398073007E-2</v>
          </cell>
          <cell r="U743">
            <v>1.3360347398073007E-2</v>
          </cell>
          <cell r="V743">
            <v>1.3360347398073007E-2</v>
          </cell>
          <cell r="W743">
            <v>1.3360347398073007E-2</v>
          </cell>
        </row>
        <row r="744">
          <cell r="A744" t="str">
            <v>ENT_firma_EST_%</v>
          </cell>
          <cell r="G744">
            <v>3.0973161516173871E-4</v>
          </cell>
          <cell r="H744">
            <v>7.0595534818979966E-5</v>
          </cell>
          <cell r="I744">
            <v>1.9016357499035934E-4</v>
          </cell>
          <cell r="J744">
            <v>1.9016357499035934E-4</v>
          </cell>
          <cell r="K744">
            <v>1.9016357499035934E-4</v>
          </cell>
          <cell r="L744">
            <v>1.9016357499035934E-4</v>
          </cell>
          <cell r="M744">
            <v>1.9016357499035934E-4</v>
          </cell>
          <cell r="N744">
            <v>1.9016357499035934E-4</v>
          </cell>
          <cell r="O744">
            <v>1.9016357499035934E-4</v>
          </cell>
          <cell r="P744">
            <v>1.9016357499035934E-4</v>
          </cell>
          <cell r="Q744">
            <v>1.9016357499035934E-4</v>
          </cell>
          <cell r="R744">
            <v>1.9016357499035934E-4</v>
          </cell>
          <cell r="S744">
            <v>1.9016357499035934E-4</v>
          </cell>
          <cell r="T744">
            <v>1.9016357499035934E-4</v>
          </cell>
          <cell r="U744">
            <v>1.9016357499035934E-4</v>
          </cell>
          <cell r="V744">
            <v>1.9016357499035934E-4</v>
          </cell>
          <cell r="W744">
            <v>1.9016357499035934E-4</v>
          </cell>
        </row>
        <row r="745">
          <cell r="A745" t="str">
            <v>Cor_firma_EST_%</v>
          </cell>
          <cell r="G745">
            <v>1.2429219713181161E-3</v>
          </cell>
          <cell r="H745">
            <v>6.7729037352491847E-3</v>
          </cell>
          <cell r="I745">
            <v>4.0079128532836501E-3</v>
          </cell>
          <cell r="J745">
            <v>4.0079128532836501E-3</v>
          </cell>
          <cell r="K745">
            <v>4.0079128532836501E-3</v>
          </cell>
          <cell r="L745">
            <v>4.0079128532836501E-3</v>
          </cell>
          <cell r="M745">
            <v>4.0079128532836501E-3</v>
          </cell>
          <cell r="N745">
            <v>4.0079128532836501E-3</v>
          </cell>
          <cell r="O745">
            <v>4.0079128532836501E-3</v>
          </cell>
          <cell r="P745">
            <v>4.0079128532836501E-3</v>
          </cell>
          <cell r="Q745">
            <v>4.0079128532836501E-3</v>
          </cell>
          <cell r="R745">
            <v>4.0079128532836501E-3</v>
          </cell>
          <cell r="S745">
            <v>4.0079128532836501E-3</v>
          </cell>
          <cell r="T745">
            <v>4.0079128532836501E-3</v>
          </cell>
          <cell r="U745">
            <v>4.0079128532836501E-3</v>
          </cell>
          <cell r="V745">
            <v>4.0079128532836501E-3</v>
          </cell>
          <cell r="W745">
            <v>4.0079128532836501E-3</v>
          </cell>
        </row>
        <row r="746">
          <cell r="A746" t="str">
            <v>Gra_firma_EST_%</v>
          </cell>
          <cell r="G746">
            <v>2.5036785482338937E-3</v>
          </cell>
          <cell r="H746">
            <v>2.193235791476508E-3</v>
          </cell>
          <cell r="I746">
            <v>2.3484571698552011E-3</v>
          </cell>
          <cell r="J746">
            <v>2.3484571698552011E-3</v>
          </cell>
          <cell r="K746">
            <v>2.3484571698552011E-3</v>
          </cell>
          <cell r="L746">
            <v>2.3484571698552011E-3</v>
          </cell>
          <cell r="M746">
            <v>2.3484571698552011E-3</v>
          </cell>
          <cell r="N746">
            <v>2.3484571698552011E-3</v>
          </cell>
          <cell r="O746">
            <v>2.3484571698552011E-3</v>
          </cell>
          <cell r="P746">
            <v>2.3484571698552011E-3</v>
          </cell>
          <cell r="Q746">
            <v>2.3484571698552011E-3</v>
          </cell>
          <cell r="R746">
            <v>2.3484571698552011E-3</v>
          </cell>
          <cell r="S746">
            <v>2.3484571698552011E-3</v>
          </cell>
          <cell r="T746">
            <v>2.3484571698552011E-3</v>
          </cell>
          <cell r="U746">
            <v>2.3484571698552011E-3</v>
          </cell>
          <cell r="V746">
            <v>2.3484571698552011E-3</v>
          </cell>
          <cell r="W746">
            <v>2.3484571698552011E-3</v>
          </cell>
        </row>
        <row r="747">
          <cell r="A747" t="str">
            <v>FEX_firma_EST_%</v>
          </cell>
          <cell r="G747">
            <v>0</v>
          </cell>
          <cell r="H747">
            <v>0</v>
          </cell>
          <cell r="I747">
            <v>0</v>
          </cell>
          <cell r="J747">
            <v>0</v>
          </cell>
          <cell r="K747">
            <v>0</v>
          </cell>
          <cell r="L747">
            <v>0</v>
          </cell>
          <cell r="M747">
            <v>0</v>
          </cell>
          <cell r="N747">
            <v>0</v>
          </cell>
          <cell r="O747">
            <v>0</v>
          </cell>
          <cell r="P747">
            <v>0</v>
          </cell>
          <cell r="Q747">
            <v>0</v>
          </cell>
          <cell r="R747">
            <v>0</v>
          </cell>
          <cell r="S747">
            <v>0</v>
          </cell>
          <cell r="T747">
            <v>0</v>
          </cell>
          <cell r="U747">
            <v>0</v>
          </cell>
          <cell r="V747">
            <v>0</v>
          </cell>
          <cell r="W747">
            <v>0</v>
          </cell>
        </row>
        <row r="748">
          <cell r="A748" t="str">
            <v>MCL_firma_EST_%</v>
          </cell>
          <cell r="G748">
            <v>0</v>
          </cell>
          <cell r="H748">
            <v>0</v>
          </cell>
          <cell r="I748">
            <v>0</v>
          </cell>
          <cell r="J748">
            <v>0</v>
          </cell>
          <cell r="K748">
            <v>0</v>
          </cell>
          <cell r="L748">
            <v>0</v>
          </cell>
          <cell r="M748">
            <v>0</v>
          </cell>
          <cell r="N748">
            <v>0</v>
          </cell>
          <cell r="O748">
            <v>0</v>
          </cell>
          <cell r="P748">
            <v>0</v>
          </cell>
          <cell r="Q748">
            <v>0</v>
          </cell>
          <cell r="R748">
            <v>0</v>
          </cell>
          <cell r="S748">
            <v>0</v>
          </cell>
          <cell r="T748">
            <v>0</v>
          </cell>
          <cell r="U748">
            <v>0</v>
          </cell>
          <cell r="V748">
            <v>0</v>
          </cell>
          <cell r="W748">
            <v>0</v>
          </cell>
        </row>
        <row r="749">
          <cell r="A749" t="str">
            <v>MCG_firma_EST_%</v>
          </cell>
          <cell r="G749">
            <v>0</v>
          </cell>
          <cell r="H749">
            <v>0</v>
          </cell>
          <cell r="I749">
            <v>0</v>
          </cell>
          <cell r="J749">
            <v>0</v>
          </cell>
          <cell r="K749">
            <v>0</v>
          </cell>
          <cell r="L749">
            <v>0</v>
          </cell>
          <cell r="M749">
            <v>0</v>
          </cell>
          <cell r="N749">
            <v>0</v>
          </cell>
          <cell r="O749">
            <v>0</v>
          </cell>
          <cell r="P749">
            <v>0</v>
          </cell>
          <cell r="Q749">
            <v>0</v>
          </cell>
          <cell r="R749">
            <v>0</v>
          </cell>
          <cell r="S749">
            <v>0</v>
          </cell>
          <cell r="T749">
            <v>0</v>
          </cell>
          <cell r="U749">
            <v>0</v>
          </cell>
          <cell r="V749">
            <v>0</v>
          </cell>
          <cell r="W749">
            <v>0</v>
          </cell>
        </row>
        <row r="750">
          <cell r="A750" t="str">
            <v>MLE_firma_EST_%</v>
          </cell>
          <cell r="G750">
            <v>0</v>
          </cell>
          <cell r="H750">
            <v>0</v>
          </cell>
          <cell r="I750">
            <v>0</v>
          </cell>
          <cell r="J750">
            <v>0</v>
          </cell>
          <cell r="K750">
            <v>0</v>
          </cell>
          <cell r="L750">
            <v>0</v>
          </cell>
          <cell r="M750">
            <v>0</v>
          </cell>
          <cell r="N750">
            <v>0</v>
          </cell>
          <cell r="O750">
            <v>0</v>
          </cell>
          <cell r="P750">
            <v>0</v>
          </cell>
          <cell r="Q750">
            <v>0</v>
          </cell>
          <cell r="R750">
            <v>0</v>
          </cell>
          <cell r="S750">
            <v>0</v>
          </cell>
          <cell r="T750">
            <v>0</v>
          </cell>
          <cell r="U750">
            <v>0</v>
          </cell>
          <cell r="V750">
            <v>0</v>
          </cell>
          <cell r="W750">
            <v>0</v>
          </cell>
        </row>
        <row r="751">
          <cell r="A751" t="str">
            <v>MFA_firma_EST_%</v>
          </cell>
          <cell r="G751">
            <v>0</v>
          </cell>
          <cell r="H751">
            <v>0</v>
          </cell>
          <cell r="I751">
            <v>0</v>
          </cell>
          <cell r="J751">
            <v>0</v>
          </cell>
          <cell r="K751">
            <v>0</v>
          </cell>
          <cell r="L751">
            <v>0</v>
          </cell>
          <cell r="M751">
            <v>0</v>
          </cell>
          <cell r="N751">
            <v>0</v>
          </cell>
          <cell r="O751">
            <v>0</v>
          </cell>
          <cell r="P751">
            <v>0</v>
          </cell>
          <cell r="Q751">
            <v>0</v>
          </cell>
          <cell r="R751">
            <v>0</v>
          </cell>
          <cell r="S751">
            <v>0</v>
          </cell>
          <cell r="T751">
            <v>0</v>
          </cell>
          <cell r="U751">
            <v>0</v>
          </cell>
          <cell r="V751">
            <v>0</v>
          </cell>
          <cell r="W751">
            <v>0</v>
          </cell>
        </row>
        <row r="752">
          <cell r="A752" t="str">
            <v>MBQ_firma_EST_%</v>
          </cell>
          <cell r="G752">
            <v>0</v>
          </cell>
          <cell r="H752">
            <v>0</v>
          </cell>
          <cell r="I752">
            <v>0</v>
          </cell>
          <cell r="J752">
            <v>0</v>
          </cell>
          <cell r="K752">
            <v>0</v>
          </cell>
          <cell r="L752">
            <v>0</v>
          </cell>
          <cell r="M752">
            <v>0</v>
          </cell>
          <cell r="N752">
            <v>0</v>
          </cell>
          <cell r="O752">
            <v>0</v>
          </cell>
          <cell r="P752">
            <v>0</v>
          </cell>
          <cell r="Q752">
            <v>0</v>
          </cell>
          <cell r="R752">
            <v>0</v>
          </cell>
          <cell r="S752">
            <v>0</v>
          </cell>
          <cell r="T752">
            <v>0</v>
          </cell>
          <cell r="U752">
            <v>0</v>
          </cell>
          <cell r="V752">
            <v>0</v>
          </cell>
          <cell r="W752">
            <v>0</v>
          </cell>
        </row>
        <row r="753">
          <cell r="A753" t="str">
            <v>MBG_firma_EST_%</v>
          </cell>
          <cell r="G753">
            <v>0</v>
          </cell>
          <cell r="H753">
            <v>0</v>
          </cell>
          <cell r="I753">
            <v>0</v>
          </cell>
          <cell r="J753">
            <v>0</v>
          </cell>
          <cell r="K753">
            <v>0</v>
          </cell>
          <cell r="L753">
            <v>0</v>
          </cell>
          <cell r="M753">
            <v>0</v>
          </cell>
          <cell r="N753">
            <v>0</v>
          </cell>
          <cell r="O753">
            <v>0</v>
          </cell>
          <cell r="P753">
            <v>0</v>
          </cell>
          <cell r="Q753">
            <v>0</v>
          </cell>
          <cell r="R753">
            <v>0</v>
          </cell>
          <cell r="S753">
            <v>0</v>
          </cell>
          <cell r="T753">
            <v>0</v>
          </cell>
          <cell r="U753">
            <v>0</v>
          </cell>
          <cell r="V753">
            <v>0</v>
          </cell>
          <cell r="W753">
            <v>0</v>
          </cell>
        </row>
        <row r="754">
          <cell r="A754" t="str">
            <v>WID_firma_EST_%</v>
          </cell>
          <cell r="G754">
            <v>0</v>
          </cell>
          <cell r="H754">
            <v>0</v>
          </cell>
          <cell r="I754">
            <v>0</v>
          </cell>
          <cell r="J754">
            <v>0</v>
          </cell>
          <cell r="K754">
            <v>0</v>
          </cell>
          <cell r="L754">
            <v>0</v>
          </cell>
          <cell r="M754">
            <v>0</v>
          </cell>
          <cell r="N754">
            <v>0</v>
          </cell>
          <cell r="O754">
            <v>0</v>
          </cell>
          <cell r="P754">
            <v>0</v>
          </cell>
          <cell r="Q754">
            <v>0</v>
          </cell>
          <cell r="R754">
            <v>0</v>
          </cell>
          <cell r="S754">
            <v>0</v>
          </cell>
          <cell r="T754">
            <v>0</v>
          </cell>
          <cell r="U754">
            <v>0</v>
          </cell>
          <cell r="V754">
            <v>0</v>
          </cell>
          <cell r="W754">
            <v>0</v>
          </cell>
        </row>
        <row r="755">
          <cell r="A755" t="str">
            <v>FIN_firma_EST_%</v>
          </cell>
          <cell r="G755">
            <v>0</v>
          </cell>
          <cell r="H755">
            <v>0</v>
          </cell>
          <cell r="I755">
            <v>0</v>
          </cell>
          <cell r="J755">
            <v>0</v>
          </cell>
          <cell r="K755">
            <v>0</v>
          </cell>
          <cell r="L755">
            <v>0</v>
          </cell>
          <cell r="M755">
            <v>0</v>
          </cell>
          <cell r="N755">
            <v>0</v>
          </cell>
          <cell r="O755">
            <v>0</v>
          </cell>
          <cell r="P755">
            <v>0</v>
          </cell>
          <cell r="Q755">
            <v>0</v>
          </cell>
          <cell r="R755">
            <v>0</v>
          </cell>
          <cell r="S755">
            <v>0</v>
          </cell>
          <cell r="T755">
            <v>0</v>
          </cell>
          <cell r="U755">
            <v>0</v>
          </cell>
          <cell r="V755">
            <v>0</v>
          </cell>
          <cell r="W755">
            <v>0</v>
          </cell>
        </row>
        <row r="756">
          <cell r="A756" t="str">
            <v>ALM_firma_EST_%</v>
          </cell>
          <cell r="G756">
            <v>0</v>
          </cell>
          <cell r="H756">
            <v>0</v>
          </cell>
          <cell r="I756">
            <v>0</v>
          </cell>
          <cell r="J756">
            <v>0</v>
          </cell>
          <cell r="K756">
            <v>0</v>
          </cell>
          <cell r="L756">
            <v>0</v>
          </cell>
          <cell r="M756">
            <v>0</v>
          </cell>
          <cell r="N756">
            <v>0</v>
          </cell>
          <cell r="O756">
            <v>0</v>
          </cell>
          <cell r="P756">
            <v>0</v>
          </cell>
          <cell r="Q756">
            <v>0</v>
          </cell>
          <cell r="R756">
            <v>0</v>
          </cell>
          <cell r="S756">
            <v>0</v>
          </cell>
          <cell r="T756">
            <v>0</v>
          </cell>
          <cell r="U756">
            <v>0</v>
          </cell>
          <cell r="V756">
            <v>0</v>
          </cell>
          <cell r="W756">
            <v>0</v>
          </cell>
        </row>
        <row r="757">
          <cell r="A757" t="str">
            <v>FUO_firma_EST_%</v>
          </cell>
          <cell r="G757">
            <v>0</v>
          </cell>
          <cell r="H757">
            <v>0</v>
          </cell>
          <cell r="I757">
            <v>0</v>
          </cell>
          <cell r="J757">
            <v>0</v>
          </cell>
          <cell r="K757">
            <v>0</v>
          </cell>
          <cell r="L757">
            <v>0</v>
          </cell>
          <cell r="M757">
            <v>0</v>
          </cell>
          <cell r="N757">
            <v>0</v>
          </cell>
          <cell r="O757">
            <v>0</v>
          </cell>
          <cell r="P757">
            <v>0</v>
          </cell>
          <cell r="Q757">
            <v>0</v>
          </cell>
          <cell r="R757">
            <v>0</v>
          </cell>
          <cell r="S757">
            <v>0</v>
          </cell>
          <cell r="T757">
            <v>0</v>
          </cell>
          <cell r="U757">
            <v>0</v>
          </cell>
          <cell r="V757">
            <v>0</v>
          </cell>
          <cell r="W757">
            <v>0</v>
          </cell>
        </row>
        <row r="758">
          <cell r="A758" t="str">
            <v>XXX_firma_EST_%</v>
          </cell>
          <cell r="G758">
            <v>0</v>
          </cell>
          <cell r="H758">
            <v>0</v>
          </cell>
          <cell r="I758">
            <v>0</v>
          </cell>
          <cell r="J758">
            <v>0</v>
          </cell>
          <cell r="K758">
            <v>0</v>
          </cell>
          <cell r="L758">
            <v>0</v>
          </cell>
          <cell r="M758">
            <v>0</v>
          </cell>
          <cell r="N758">
            <v>0</v>
          </cell>
          <cell r="O758">
            <v>0</v>
          </cell>
          <cell r="P758">
            <v>0</v>
          </cell>
          <cell r="Q758">
            <v>0</v>
          </cell>
          <cell r="R758">
            <v>0</v>
          </cell>
          <cell r="S758">
            <v>0</v>
          </cell>
          <cell r="T758">
            <v>0</v>
          </cell>
          <cell r="U758">
            <v>0</v>
          </cell>
          <cell r="V758">
            <v>0</v>
          </cell>
          <cell r="W758">
            <v>0</v>
          </cell>
        </row>
        <row r="759">
          <cell r="G759">
            <v>0</v>
          </cell>
          <cell r="H759">
            <v>0</v>
          </cell>
          <cell r="I759">
            <v>0</v>
          </cell>
          <cell r="J759">
            <v>0</v>
          </cell>
          <cell r="K759">
            <v>0</v>
          </cell>
          <cell r="L759">
            <v>0</v>
          </cell>
          <cell r="M759">
            <v>0</v>
          </cell>
          <cell r="N759">
            <v>0</v>
          </cell>
          <cell r="O759">
            <v>0</v>
          </cell>
          <cell r="P759">
            <v>0</v>
          </cell>
          <cell r="Q759">
            <v>0</v>
          </cell>
          <cell r="R759">
            <v>0</v>
          </cell>
          <cell r="S759">
            <v>0</v>
          </cell>
          <cell r="T759">
            <v>0</v>
          </cell>
          <cell r="U759">
            <v>0</v>
          </cell>
          <cell r="V759">
            <v>0</v>
          </cell>
          <cell r="W759">
            <v>0</v>
          </cell>
        </row>
        <row r="760">
          <cell r="A760" t="str">
            <v>Val_currency_%</v>
          </cell>
          <cell r="G760">
            <v>0.15006189900190339</v>
          </cell>
          <cell r="H760">
            <v>0.42301463298234726</v>
          </cell>
          <cell r="I760">
            <v>0.28653826599212534</v>
          </cell>
          <cell r="J760">
            <v>0.28653826599212534</v>
          </cell>
          <cell r="K760">
            <v>0.28653826599212534</v>
          </cell>
          <cell r="L760">
            <v>0.28653826599212534</v>
          </cell>
          <cell r="M760">
            <v>0.28653826599212534</v>
          </cell>
          <cell r="N760">
            <v>0.28653826599212534</v>
          </cell>
          <cell r="O760">
            <v>0.28653826599212534</v>
          </cell>
          <cell r="P760">
            <v>0.28653826599212534</v>
          </cell>
          <cell r="Q760">
            <v>0.28653826599212534</v>
          </cell>
          <cell r="R760">
            <v>0.28653826599212534</v>
          </cell>
          <cell r="S760">
            <v>0.28653826599212534</v>
          </cell>
          <cell r="T760">
            <v>0.28653826599212534</v>
          </cell>
          <cell r="U760">
            <v>0.28653826599212534</v>
          </cell>
          <cell r="V760">
            <v>0.28653826599212534</v>
          </cell>
          <cell r="W760">
            <v>0.28653826599212534</v>
          </cell>
          <cell r="Y760">
            <v>0</v>
          </cell>
          <cell r="Z760">
            <v>0</v>
          </cell>
        </row>
        <row r="761">
          <cell r="A761" t="str">
            <v>Pre_currency_%</v>
          </cell>
          <cell r="G761">
            <v>1.665720294621096E-2</v>
          </cell>
          <cell r="H761">
            <v>1.6301508722549447E-2</v>
          </cell>
          <cell r="I761">
            <v>1.6479355834380205E-2</v>
          </cell>
          <cell r="J761">
            <v>1.6479355834380205E-2</v>
          </cell>
          <cell r="K761">
            <v>1.6479355834380205E-2</v>
          </cell>
          <cell r="L761">
            <v>1.6479355834380205E-2</v>
          </cell>
          <cell r="M761">
            <v>1.6479355834380205E-2</v>
          </cell>
          <cell r="N761">
            <v>1.6479355834380205E-2</v>
          </cell>
          <cell r="O761">
            <v>1.6479355834380205E-2</v>
          </cell>
          <cell r="P761">
            <v>1.6479355834380205E-2</v>
          </cell>
          <cell r="Q761">
            <v>1.6479355834380205E-2</v>
          </cell>
          <cell r="R761">
            <v>1.6479355834380205E-2</v>
          </cell>
          <cell r="S761">
            <v>1.6479355834380205E-2</v>
          </cell>
          <cell r="T761">
            <v>1.6479355834380205E-2</v>
          </cell>
          <cell r="U761">
            <v>1.6479355834380205E-2</v>
          </cell>
          <cell r="V761">
            <v>1.6479355834380205E-2</v>
          </cell>
          <cell r="W761">
            <v>1.6479355834380205E-2</v>
          </cell>
        </row>
        <row r="762">
          <cell r="A762" t="str">
            <v>Sma_currency_%</v>
          </cell>
          <cell r="G762">
            <v>8.0735220785298854E-3</v>
          </cell>
          <cell r="H762">
            <v>8.0038853756078891E-3</v>
          </cell>
          <cell r="I762">
            <v>8.0387037270688872E-3</v>
          </cell>
          <cell r="J762">
            <v>8.0387037270688872E-3</v>
          </cell>
          <cell r="K762">
            <v>8.0387037270688872E-3</v>
          </cell>
          <cell r="L762">
            <v>8.0387037270688872E-3</v>
          </cell>
          <cell r="M762">
            <v>8.0387037270688872E-3</v>
          </cell>
          <cell r="N762">
            <v>8.0387037270688872E-3</v>
          </cell>
          <cell r="O762">
            <v>8.0387037270688872E-3</v>
          </cell>
          <cell r="P762">
            <v>8.0387037270688872E-3</v>
          </cell>
          <cell r="Q762">
            <v>8.0387037270688872E-3</v>
          </cell>
          <cell r="R762">
            <v>8.0387037270688872E-3</v>
          </cell>
          <cell r="S762">
            <v>8.0387037270688872E-3</v>
          </cell>
          <cell r="T762">
            <v>8.0387037270688872E-3</v>
          </cell>
          <cell r="U762">
            <v>8.0387037270688872E-3</v>
          </cell>
          <cell r="V762">
            <v>8.0387037270688872E-3</v>
          </cell>
          <cell r="W762">
            <v>8.0387037270688872E-3</v>
          </cell>
        </row>
        <row r="763">
          <cell r="A763" t="str">
            <v>Pri_currency_%</v>
          </cell>
          <cell r="G763">
            <v>1.0491018467317755E-2</v>
          </cell>
          <cell r="H763">
            <v>1.9473787572150035E-2</v>
          </cell>
          <cell r="I763">
            <v>1.4982403019733895E-2</v>
          </cell>
          <cell r="J763">
            <v>1.4982403019733895E-2</v>
          </cell>
          <cell r="K763">
            <v>1.4982403019733895E-2</v>
          </cell>
          <cell r="L763">
            <v>1.4982403019733895E-2</v>
          </cell>
          <cell r="M763">
            <v>1.4982403019733895E-2</v>
          </cell>
          <cell r="N763">
            <v>1.4982403019733895E-2</v>
          </cell>
          <cell r="O763">
            <v>1.4982403019733895E-2</v>
          </cell>
          <cell r="P763">
            <v>1.4982403019733895E-2</v>
          </cell>
          <cell r="Q763">
            <v>1.4982403019733895E-2</v>
          </cell>
          <cell r="R763">
            <v>1.4982403019733895E-2</v>
          </cell>
          <cell r="S763">
            <v>1.4982403019733895E-2</v>
          </cell>
          <cell r="T763">
            <v>1.4982403019733895E-2</v>
          </cell>
          <cell r="U763">
            <v>1.4982403019733895E-2</v>
          </cell>
          <cell r="V763">
            <v>1.4982403019733895E-2</v>
          </cell>
          <cell r="W763">
            <v>1.4982403019733895E-2</v>
          </cell>
        </row>
        <row r="764">
          <cell r="A764" t="str">
            <v>Fam_currency_%</v>
          </cell>
          <cell r="G764">
            <v>2.0069057901191223</v>
          </cell>
          <cell r="H764">
            <v>0.27658820122424121</v>
          </cell>
          <cell r="I764">
            <v>1.1417469956716817</v>
          </cell>
          <cell r="J764">
            <v>1.1417469956716817</v>
          </cell>
          <cell r="K764">
            <v>1.1417469956716817</v>
          </cell>
          <cell r="L764">
            <v>1.1417469956716817</v>
          </cell>
          <cell r="M764">
            <v>1.1417469956716817</v>
          </cell>
          <cell r="N764">
            <v>1.1417469956716817</v>
          </cell>
          <cell r="O764">
            <v>1.1417469956716817</v>
          </cell>
          <cell r="P764">
            <v>1.1417469956716817</v>
          </cell>
          <cell r="Q764">
            <v>1.1417469956716817</v>
          </cell>
          <cell r="R764">
            <v>1.1417469956716817</v>
          </cell>
          <cell r="S764">
            <v>1.1417469956716817</v>
          </cell>
          <cell r="T764">
            <v>1.1417469956716817</v>
          </cell>
          <cell r="U764">
            <v>1.1417469956716817</v>
          </cell>
          <cell r="V764">
            <v>1.1417469956716817</v>
          </cell>
          <cell r="W764">
            <v>1.1417469956716817</v>
          </cell>
        </row>
        <row r="765">
          <cell r="A765" t="str">
            <v>PMI_currency_%</v>
          </cell>
          <cell r="G765">
            <v>1.2744074549826631E-3</v>
          </cell>
          <cell r="H765">
            <v>1.0716250814821759E-3</v>
          </cell>
          <cell r="I765">
            <v>1.1730162682324196E-3</v>
          </cell>
          <cell r="J765">
            <v>1.1730162682324196E-3</v>
          </cell>
          <cell r="K765">
            <v>1.1730162682324196E-3</v>
          </cell>
          <cell r="L765">
            <v>1.1730162682324196E-3</v>
          </cell>
          <cell r="M765">
            <v>1.1730162682324196E-3</v>
          </cell>
          <cell r="N765">
            <v>1.1730162682324196E-3</v>
          </cell>
          <cell r="O765">
            <v>1.1730162682324196E-3</v>
          </cell>
          <cell r="P765">
            <v>1.1730162682324196E-3</v>
          </cell>
          <cell r="Q765">
            <v>1.1730162682324196E-3</v>
          </cell>
          <cell r="R765">
            <v>1.1730162682324196E-3</v>
          </cell>
          <cell r="S765">
            <v>1.1730162682324196E-3</v>
          </cell>
          <cell r="T765">
            <v>1.1730162682324196E-3</v>
          </cell>
          <cell r="U765">
            <v>1.1730162682324196E-3</v>
          </cell>
          <cell r="V765">
            <v>1.1730162682324196E-3</v>
          </cell>
          <cell r="W765">
            <v>1.1730162682324196E-3</v>
          </cell>
        </row>
        <row r="766">
          <cell r="A766" t="str">
            <v>ENT_currency_%</v>
          </cell>
          <cell r="G766">
            <v>1.1225064416701465E-3</v>
          </cell>
          <cell r="H766">
            <v>9.7737183953816847E-4</v>
          </cell>
          <cell r="I766">
            <v>1.0499391406041574E-3</v>
          </cell>
          <cell r="J766">
            <v>1.0499391406041574E-3</v>
          </cell>
          <cell r="K766">
            <v>1.0499391406041574E-3</v>
          </cell>
          <cell r="L766">
            <v>1.0499391406041574E-3</v>
          </cell>
          <cell r="M766">
            <v>1.0499391406041574E-3</v>
          </cell>
          <cell r="N766">
            <v>1.0499391406041574E-3</v>
          </cell>
          <cell r="O766">
            <v>1.0499391406041574E-3</v>
          </cell>
          <cell r="P766">
            <v>1.0499391406041574E-3</v>
          </cell>
          <cell r="Q766">
            <v>1.0499391406041574E-3</v>
          </cell>
          <cell r="R766">
            <v>1.0499391406041574E-3</v>
          </cell>
          <cell r="S766">
            <v>1.0499391406041574E-3</v>
          </cell>
          <cell r="T766">
            <v>1.0499391406041574E-3</v>
          </cell>
          <cell r="U766">
            <v>1.0499391406041574E-3</v>
          </cell>
          <cell r="V766">
            <v>1.0499391406041574E-3</v>
          </cell>
          <cell r="W766">
            <v>1.0499391406041574E-3</v>
          </cell>
        </row>
        <row r="767">
          <cell r="A767" t="str">
            <v>Cor_currency_%</v>
          </cell>
          <cell r="G767">
            <v>7.5099520500668981E-5</v>
          </cell>
          <cell r="H767">
            <v>2.7882071711449392E-4</v>
          </cell>
          <cell r="I767">
            <v>1.7696011880758143E-4</v>
          </cell>
          <cell r="J767">
            <v>1.7696011880758143E-4</v>
          </cell>
          <cell r="K767">
            <v>1.7696011880758143E-4</v>
          </cell>
          <cell r="L767">
            <v>1.7696011880758143E-4</v>
          </cell>
          <cell r="M767">
            <v>1.7696011880758143E-4</v>
          </cell>
          <cell r="N767">
            <v>1.7696011880758143E-4</v>
          </cell>
          <cell r="O767">
            <v>1.7696011880758143E-4</v>
          </cell>
          <cell r="P767">
            <v>1.7696011880758143E-4</v>
          </cell>
          <cell r="Q767">
            <v>1.7696011880758143E-4</v>
          </cell>
          <cell r="R767">
            <v>1.7696011880758143E-4</v>
          </cell>
          <cell r="S767">
            <v>1.7696011880758143E-4</v>
          </cell>
          <cell r="T767">
            <v>1.7696011880758143E-4</v>
          </cell>
          <cell r="U767">
            <v>1.7696011880758143E-4</v>
          </cell>
          <cell r="V767">
            <v>1.7696011880758143E-4</v>
          </cell>
          <cell r="W767">
            <v>1.7696011880758143E-4</v>
          </cell>
        </row>
        <row r="768">
          <cell r="A768" t="str">
            <v>Gra_currency_%</v>
          </cell>
          <cell r="G768">
            <v>3.93919125879058E-5</v>
          </cell>
          <cell r="H768">
            <v>4.6922681599997711E-5</v>
          </cell>
          <cell r="I768">
            <v>4.3157297093951756E-5</v>
          </cell>
          <cell r="J768">
            <v>4.3157297093951756E-5</v>
          </cell>
          <cell r="K768">
            <v>4.3157297093951756E-5</v>
          </cell>
          <cell r="L768">
            <v>4.3157297093951756E-5</v>
          </cell>
          <cell r="M768">
            <v>4.3157297093951756E-5</v>
          </cell>
          <cell r="N768">
            <v>4.3157297093951756E-5</v>
          </cell>
          <cell r="O768">
            <v>4.3157297093951756E-5</v>
          </cell>
          <cell r="P768">
            <v>4.3157297093951756E-5</v>
          </cell>
          <cell r="Q768">
            <v>4.3157297093951756E-5</v>
          </cell>
          <cell r="R768">
            <v>4.3157297093951756E-5</v>
          </cell>
          <cell r="S768">
            <v>4.3157297093951756E-5</v>
          </cell>
          <cell r="T768">
            <v>4.3157297093951756E-5</v>
          </cell>
          <cell r="U768">
            <v>4.3157297093951756E-5</v>
          </cell>
          <cell r="V768">
            <v>4.3157297093951756E-5</v>
          </cell>
          <cell r="W768">
            <v>4.3157297093951756E-5</v>
          </cell>
        </row>
        <row r="769">
          <cell r="A769" t="str">
            <v>FEX_currency_%</v>
          </cell>
          <cell r="G769">
            <v>0</v>
          </cell>
          <cell r="H769">
            <v>0</v>
          </cell>
          <cell r="I769">
            <v>0</v>
          </cell>
          <cell r="J769">
            <v>0</v>
          </cell>
          <cell r="K769">
            <v>0</v>
          </cell>
          <cell r="L769">
            <v>0</v>
          </cell>
          <cell r="M769">
            <v>0</v>
          </cell>
          <cell r="N769">
            <v>0</v>
          </cell>
          <cell r="O769">
            <v>0</v>
          </cell>
          <cell r="P769">
            <v>0</v>
          </cell>
          <cell r="Q769">
            <v>0</v>
          </cell>
          <cell r="R769">
            <v>0</v>
          </cell>
          <cell r="S769">
            <v>0</v>
          </cell>
          <cell r="T769">
            <v>0</v>
          </cell>
          <cell r="U769">
            <v>0</v>
          </cell>
          <cell r="V769">
            <v>0</v>
          </cell>
          <cell r="W769">
            <v>0</v>
          </cell>
        </row>
        <row r="770">
          <cell r="A770" t="str">
            <v>MCL_currency_%</v>
          </cell>
          <cell r="G770">
            <v>0</v>
          </cell>
          <cell r="H770">
            <v>0</v>
          </cell>
          <cell r="I770">
            <v>0</v>
          </cell>
          <cell r="J770">
            <v>0</v>
          </cell>
          <cell r="K770">
            <v>0</v>
          </cell>
          <cell r="L770">
            <v>0</v>
          </cell>
          <cell r="M770">
            <v>0</v>
          </cell>
          <cell r="N770">
            <v>0</v>
          </cell>
          <cell r="O770">
            <v>0</v>
          </cell>
          <cell r="P770">
            <v>0</v>
          </cell>
          <cell r="Q770">
            <v>0</v>
          </cell>
          <cell r="R770">
            <v>0</v>
          </cell>
          <cell r="S770">
            <v>0</v>
          </cell>
          <cell r="T770">
            <v>0</v>
          </cell>
          <cell r="U770">
            <v>0</v>
          </cell>
          <cell r="V770">
            <v>0</v>
          </cell>
          <cell r="W770">
            <v>0</v>
          </cell>
        </row>
        <row r="771">
          <cell r="A771" t="str">
            <v>MCG_currency_%</v>
          </cell>
          <cell r="G771">
            <v>0</v>
          </cell>
          <cell r="H771">
            <v>0</v>
          </cell>
          <cell r="I771">
            <v>0</v>
          </cell>
          <cell r="J771">
            <v>0</v>
          </cell>
          <cell r="K771">
            <v>0</v>
          </cell>
          <cell r="L771">
            <v>0</v>
          </cell>
          <cell r="M771">
            <v>0</v>
          </cell>
          <cell r="N771">
            <v>0</v>
          </cell>
          <cell r="O771">
            <v>0</v>
          </cell>
          <cell r="P771">
            <v>0</v>
          </cell>
          <cell r="Q771">
            <v>0</v>
          </cell>
          <cell r="R771">
            <v>0</v>
          </cell>
          <cell r="S771">
            <v>0</v>
          </cell>
          <cell r="T771">
            <v>0</v>
          </cell>
          <cell r="U771">
            <v>0</v>
          </cell>
          <cell r="V771">
            <v>0</v>
          </cell>
          <cell r="W771">
            <v>0</v>
          </cell>
        </row>
        <row r="772">
          <cell r="A772" t="str">
            <v>MLE_currency_%</v>
          </cell>
          <cell r="G772">
            <v>0</v>
          </cell>
          <cell r="H772">
            <v>0</v>
          </cell>
          <cell r="I772">
            <v>0</v>
          </cell>
          <cell r="J772">
            <v>0</v>
          </cell>
          <cell r="K772">
            <v>0</v>
          </cell>
          <cell r="L772">
            <v>0</v>
          </cell>
          <cell r="M772">
            <v>0</v>
          </cell>
          <cell r="N772">
            <v>0</v>
          </cell>
          <cell r="O772">
            <v>0</v>
          </cell>
          <cell r="P772">
            <v>0</v>
          </cell>
          <cell r="Q772">
            <v>0</v>
          </cell>
          <cell r="R772">
            <v>0</v>
          </cell>
          <cell r="S772">
            <v>0</v>
          </cell>
          <cell r="T772">
            <v>0</v>
          </cell>
          <cell r="U772">
            <v>0</v>
          </cell>
          <cell r="V772">
            <v>0</v>
          </cell>
          <cell r="W772">
            <v>0</v>
          </cell>
        </row>
        <row r="773">
          <cell r="A773" t="str">
            <v>MFA_currency_%</v>
          </cell>
          <cell r="G773">
            <v>0</v>
          </cell>
          <cell r="H773">
            <v>0</v>
          </cell>
          <cell r="I773">
            <v>0</v>
          </cell>
          <cell r="J773">
            <v>0</v>
          </cell>
          <cell r="K773">
            <v>0</v>
          </cell>
          <cell r="L773">
            <v>0</v>
          </cell>
          <cell r="M773">
            <v>0</v>
          </cell>
          <cell r="N773">
            <v>0</v>
          </cell>
          <cell r="O773">
            <v>0</v>
          </cell>
          <cell r="P773">
            <v>0</v>
          </cell>
          <cell r="Q773">
            <v>0</v>
          </cell>
          <cell r="R773">
            <v>0</v>
          </cell>
          <cell r="S773">
            <v>0</v>
          </cell>
          <cell r="T773">
            <v>0</v>
          </cell>
          <cell r="U773">
            <v>0</v>
          </cell>
          <cell r="V773">
            <v>0</v>
          </cell>
          <cell r="W773">
            <v>0</v>
          </cell>
        </row>
        <row r="774">
          <cell r="A774" t="str">
            <v>MBQ_currency_%</v>
          </cell>
          <cell r="G774">
            <v>0</v>
          </cell>
          <cell r="H774">
            <v>0</v>
          </cell>
          <cell r="I774">
            <v>0</v>
          </cell>
          <cell r="J774">
            <v>0</v>
          </cell>
          <cell r="K774">
            <v>0</v>
          </cell>
          <cell r="L774">
            <v>0</v>
          </cell>
          <cell r="M774">
            <v>0</v>
          </cell>
          <cell r="N774">
            <v>0</v>
          </cell>
          <cell r="O774">
            <v>0</v>
          </cell>
          <cell r="P774">
            <v>0</v>
          </cell>
          <cell r="Q774">
            <v>0</v>
          </cell>
          <cell r="R774">
            <v>0</v>
          </cell>
          <cell r="S774">
            <v>0</v>
          </cell>
          <cell r="T774">
            <v>0</v>
          </cell>
          <cell r="U774">
            <v>0</v>
          </cell>
          <cell r="V774">
            <v>0</v>
          </cell>
          <cell r="W774">
            <v>0</v>
          </cell>
        </row>
        <row r="775">
          <cell r="A775" t="str">
            <v>MBG_currency_%</v>
          </cell>
          <cell r="G775">
            <v>0</v>
          </cell>
          <cell r="H775">
            <v>0</v>
          </cell>
          <cell r="I775">
            <v>0</v>
          </cell>
          <cell r="J775">
            <v>0</v>
          </cell>
          <cell r="K775">
            <v>0</v>
          </cell>
          <cell r="L775">
            <v>0</v>
          </cell>
          <cell r="M775">
            <v>0</v>
          </cell>
          <cell r="N775">
            <v>0</v>
          </cell>
          <cell r="O775">
            <v>0</v>
          </cell>
          <cell r="P775">
            <v>0</v>
          </cell>
          <cell r="Q775">
            <v>0</v>
          </cell>
          <cell r="R775">
            <v>0</v>
          </cell>
          <cell r="S775">
            <v>0</v>
          </cell>
          <cell r="T775">
            <v>0</v>
          </cell>
          <cell r="U775">
            <v>0</v>
          </cell>
          <cell r="V775">
            <v>0</v>
          </cell>
          <cell r="W775">
            <v>0</v>
          </cell>
        </row>
        <row r="776">
          <cell r="A776" t="str">
            <v>WID_currency_%</v>
          </cell>
          <cell r="G776">
            <v>0</v>
          </cell>
          <cell r="H776">
            <v>0</v>
          </cell>
          <cell r="I776">
            <v>0</v>
          </cell>
          <cell r="J776">
            <v>0</v>
          </cell>
          <cell r="K776">
            <v>0</v>
          </cell>
          <cell r="L776">
            <v>0</v>
          </cell>
          <cell r="M776">
            <v>0</v>
          </cell>
          <cell r="N776">
            <v>0</v>
          </cell>
          <cell r="O776">
            <v>0</v>
          </cell>
          <cell r="P776">
            <v>0</v>
          </cell>
          <cell r="Q776">
            <v>0</v>
          </cell>
          <cell r="R776">
            <v>0</v>
          </cell>
          <cell r="S776">
            <v>0</v>
          </cell>
          <cell r="T776">
            <v>0</v>
          </cell>
          <cell r="U776">
            <v>0</v>
          </cell>
          <cell r="V776">
            <v>0</v>
          </cell>
          <cell r="W776">
            <v>0</v>
          </cell>
        </row>
        <row r="777">
          <cell r="A777" t="str">
            <v>FIN_currency_%</v>
          </cell>
          <cell r="G777">
            <v>0</v>
          </cell>
          <cell r="H777">
            <v>0</v>
          </cell>
          <cell r="I777">
            <v>0</v>
          </cell>
          <cell r="J777">
            <v>0</v>
          </cell>
          <cell r="K777">
            <v>0</v>
          </cell>
          <cell r="L777">
            <v>0</v>
          </cell>
          <cell r="M777">
            <v>0</v>
          </cell>
          <cell r="N777">
            <v>0</v>
          </cell>
          <cell r="O777">
            <v>0</v>
          </cell>
          <cell r="P777">
            <v>0</v>
          </cell>
          <cell r="Q777">
            <v>0</v>
          </cell>
          <cell r="R777">
            <v>0</v>
          </cell>
          <cell r="S777">
            <v>0</v>
          </cell>
          <cell r="T777">
            <v>0</v>
          </cell>
          <cell r="U777">
            <v>0</v>
          </cell>
          <cell r="V777">
            <v>0</v>
          </cell>
          <cell r="W777">
            <v>0</v>
          </cell>
        </row>
        <row r="778">
          <cell r="A778" t="str">
            <v>ALM_currency_%</v>
          </cell>
          <cell r="G778">
            <v>0</v>
          </cell>
          <cell r="H778">
            <v>0</v>
          </cell>
          <cell r="I778">
            <v>0</v>
          </cell>
          <cell r="J778">
            <v>0</v>
          </cell>
          <cell r="K778">
            <v>0</v>
          </cell>
          <cell r="L778">
            <v>0</v>
          </cell>
          <cell r="M778">
            <v>0</v>
          </cell>
          <cell r="N778">
            <v>0</v>
          </cell>
          <cell r="O778">
            <v>0</v>
          </cell>
          <cell r="P778">
            <v>0</v>
          </cell>
          <cell r="Q778">
            <v>0</v>
          </cell>
          <cell r="R778">
            <v>0</v>
          </cell>
          <cell r="S778">
            <v>0</v>
          </cell>
          <cell r="T778">
            <v>0</v>
          </cell>
          <cell r="U778">
            <v>0</v>
          </cell>
          <cell r="V778">
            <v>0</v>
          </cell>
          <cell r="W778">
            <v>0</v>
          </cell>
        </row>
        <row r="779">
          <cell r="A779" t="str">
            <v>FUO_currency_%</v>
          </cell>
          <cell r="G779">
            <v>0</v>
          </cell>
          <cell r="H779">
            <v>0</v>
          </cell>
          <cell r="I779">
            <v>0</v>
          </cell>
          <cell r="J779">
            <v>0</v>
          </cell>
          <cell r="K779">
            <v>0</v>
          </cell>
          <cell r="L779">
            <v>0</v>
          </cell>
          <cell r="M779">
            <v>0</v>
          </cell>
          <cell r="N779">
            <v>0</v>
          </cell>
          <cell r="O779">
            <v>0</v>
          </cell>
          <cell r="P779">
            <v>0</v>
          </cell>
          <cell r="Q779">
            <v>0</v>
          </cell>
          <cell r="R779">
            <v>0</v>
          </cell>
          <cell r="S779">
            <v>0</v>
          </cell>
          <cell r="T779">
            <v>0</v>
          </cell>
          <cell r="U779">
            <v>0</v>
          </cell>
          <cell r="V779">
            <v>0</v>
          </cell>
          <cell r="W779">
            <v>0</v>
          </cell>
        </row>
        <row r="780">
          <cell r="A780" t="str">
            <v>XXX_currency_%</v>
          </cell>
          <cell r="G780">
            <v>0</v>
          </cell>
          <cell r="H780">
            <v>0</v>
          </cell>
          <cell r="I780">
            <v>0</v>
          </cell>
          <cell r="J780">
            <v>0</v>
          </cell>
          <cell r="K780">
            <v>0</v>
          </cell>
          <cell r="L780">
            <v>0</v>
          </cell>
          <cell r="M780">
            <v>0</v>
          </cell>
          <cell r="N780">
            <v>0</v>
          </cell>
          <cell r="O780">
            <v>0</v>
          </cell>
          <cell r="P780">
            <v>0</v>
          </cell>
          <cell r="Q780">
            <v>0</v>
          </cell>
          <cell r="R780">
            <v>0</v>
          </cell>
          <cell r="S780">
            <v>0</v>
          </cell>
          <cell r="T780">
            <v>0</v>
          </cell>
          <cell r="U780">
            <v>0</v>
          </cell>
          <cell r="V780">
            <v>0</v>
          </cell>
          <cell r="W780">
            <v>0</v>
          </cell>
        </row>
        <row r="781">
          <cell r="G781">
            <v>0</v>
          </cell>
          <cell r="H781">
            <v>0</v>
          </cell>
          <cell r="I781">
            <v>0</v>
          </cell>
          <cell r="J781">
            <v>0</v>
          </cell>
          <cell r="K781">
            <v>0</v>
          </cell>
          <cell r="L781">
            <v>0</v>
          </cell>
          <cell r="M781">
            <v>0</v>
          </cell>
          <cell r="N781">
            <v>0</v>
          </cell>
          <cell r="O781">
            <v>0</v>
          </cell>
          <cell r="P781">
            <v>0</v>
          </cell>
          <cell r="Q781">
            <v>0</v>
          </cell>
          <cell r="R781">
            <v>0</v>
          </cell>
          <cell r="S781">
            <v>0</v>
          </cell>
          <cell r="T781">
            <v>0</v>
          </cell>
          <cell r="U781">
            <v>0</v>
          </cell>
          <cell r="V781">
            <v>0</v>
          </cell>
          <cell r="W781">
            <v>0</v>
          </cell>
        </row>
        <row r="782">
          <cell r="A782" t="str">
            <v>Val_estero_servizi_%</v>
          </cell>
          <cell r="G782">
            <v>3.1519039604666205E-3</v>
          </cell>
          <cell r="H782">
            <v>3.0998938928442714E-3</v>
          </cell>
          <cell r="I782">
            <v>3.1258989266554462E-3</v>
          </cell>
          <cell r="J782">
            <v>3.1258989266554462E-3</v>
          </cell>
          <cell r="K782">
            <v>3.1258989266554462E-3</v>
          </cell>
          <cell r="L782">
            <v>3.1258989266554462E-3</v>
          </cell>
          <cell r="M782">
            <v>3.1258989266554462E-3</v>
          </cell>
          <cell r="N782">
            <v>3.1258989266554462E-3</v>
          </cell>
          <cell r="O782">
            <v>3.1258989266554462E-3</v>
          </cell>
          <cell r="P782">
            <v>3.1258989266554462E-3</v>
          </cell>
          <cell r="Q782">
            <v>3.1258989266554462E-3</v>
          </cell>
          <cell r="R782">
            <v>3.1258989266554462E-3</v>
          </cell>
          <cell r="S782">
            <v>3.1258989266554462E-3</v>
          </cell>
          <cell r="T782">
            <v>3.1258989266554462E-3</v>
          </cell>
          <cell r="U782">
            <v>3.1258989266554462E-3</v>
          </cell>
          <cell r="V782">
            <v>3.1258989266554462E-3</v>
          </cell>
          <cell r="W782">
            <v>3.1258989266554462E-3</v>
          </cell>
          <cell r="Y782">
            <v>0</v>
          </cell>
          <cell r="Z782">
            <v>0</v>
          </cell>
        </row>
        <row r="783">
          <cell r="A783" t="str">
            <v>Pre_estero_servizi_%</v>
          </cell>
          <cell r="G783">
            <v>2.8651005118144231E-3</v>
          </cell>
          <cell r="H783">
            <v>6.6107504408561494E-4</v>
          </cell>
          <cell r="I783">
            <v>1.7630877779500191E-3</v>
          </cell>
          <cell r="J783">
            <v>1.7630877779500191E-3</v>
          </cell>
          <cell r="K783">
            <v>1.7630877779500191E-3</v>
          </cell>
          <cell r="L783">
            <v>1.7630877779500191E-3</v>
          </cell>
          <cell r="M783">
            <v>1.7630877779500191E-3</v>
          </cell>
          <cell r="N783">
            <v>1.7630877779500191E-3</v>
          </cell>
          <cell r="O783">
            <v>1.7630877779500191E-3</v>
          </cell>
          <cell r="P783">
            <v>1.7630877779500191E-3</v>
          </cell>
          <cell r="Q783">
            <v>1.7630877779500191E-3</v>
          </cell>
          <cell r="R783">
            <v>1.7630877779500191E-3</v>
          </cell>
          <cell r="S783">
            <v>1.7630877779500191E-3</v>
          </cell>
          <cell r="T783">
            <v>1.7630877779500191E-3</v>
          </cell>
          <cell r="U783">
            <v>1.7630877779500191E-3</v>
          </cell>
          <cell r="V783">
            <v>1.7630877779500191E-3</v>
          </cell>
          <cell r="W783">
            <v>1.7630877779500191E-3</v>
          </cell>
        </row>
        <row r="784">
          <cell r="A784" t="str">
            <v>Sma_estero_servizi_%</v>
          </cell>
          <cell r="G784">
            <v>1.8012437379181429E-2</v>
          </cell>
          <cell r="H784">
            <v>1.5355298616362104E-2</v>
          </cell>
          <cell r="I784">
            <v>1.6683867997771766E-2</v>
          </cell>
          <cell r="J784">
            <v>1.6683867997771766E-2</v>
          </cell>
          <cell r="K784">
            <v>1.6683867997771766E-2</v>
          </cell>
          <cell r="L784">
            <v>1.6683867997771766E-2</v>
          </cell>
          <cell r="M784">
            <v>1.6683867997771766E-2</v>
          </cell>
          <cell r="N784">
            <v>1.6683867997771766E-2</v>
          </cell>
          <cell r="O784">
            <v>1.6683867997771766E-2</v>
          </cell>
          <cell r="P784">
            <v>1.6683867997771766E-2</v>
          </cell>
          <cell r="Q784">
            <v>1.6683867997771766E-2</v>
          </cell>
          <cell r="R784">
            <v>1.6683867997771766E-2</v>
          </cell>
          <cell r="S784">
            <v>1.6683867997771766E-2</v>
          </cell>
          <cell r="T784">
            <v>1.6683867997771766E-2</v>
          </cell>
          <cell r="U784">
            <v>1.6683867997771766E-2</v>
          </cell>
          <cell r="V784">
            <v>1.6683867997771766E-2</v>
          </cell>
          <cell r="W784">
            <v>1.6683867997771766E-2</v>
          </cell>
        </row>
        <row r="785">
          <cell r="A785" t="str">
            <v>Pri_estero_servizi_%</v>
          </cell>
          <cell r="G785">
            <v>8.4017097936586599E-3</v>
          </cell>
          <cell r="H785">
            <v>7.1770843698613918E-3</v>
          </cell>
          <cell r="I785">
            <v>7.7893970817600258E-3</v>
          </cell>
          <cell r="J785">
            <v>7.7893970817600258E-3</v>
          </cell>
          <cell r="K785">
            <v>7.7893970817600258E-3</v>
          </cell>
          <cell r="L785">
            <v>7.7893970817600258E-3</v>
          </cell>
          <cell r="M785">
            <v>7.7893970817600258E-3</v>
          </cell>
          <cell r="N785">
            <v>7.7893970817600258E-3</v>
          </cell>
          <cell r="O785">
            <v>7.7893970817600258E-3</v>
          </cell>
          <cell r="P785">
            <v>7.7893970817600258E-3</v>
          </cell>
          <cell r="Q785">
            <v>7.7893970817600258E-3</v>
          </cell>
          <cell r="R785">
            <v>7.7893970817600258E-3</v>
          </cell>
          <cell r="S785">
            <v>7.7893970817600258E-3</v>
          </cell>
          <cell r="T785">
            <v>7.7893970817600258E-3</v>
          </cell>
          <cell r="U785">
            <v>7.7893970817600258E-3</v>
          </cell>
          <cell r="V785">
            <v>7.7893970817600258E-3</v>
          </cell>
          <cell r="W785">
            <v>7.7893970817600258E-3</v>
          </cell>
        </row>
        <row r="786">
          <cell r="A786" t="str">
            <v>Fam_estero_servizi_%</v>
          </cell>
          <cell r="G786">
            <v>0</v>
          </cell>
          <cell r="H786">
            <v>0</v>
          </cell>
          <cell r="I786">
            <v>0</v>
          </cell>
          <cell r="J786">
            <v>0</v>
          </cell>
          <cell r="K786">
            <v>0</v>
          </cell>
          <cell r="L786">
            <v>0</v>
          </cell>
          <cell r="M786">
            <v>0</v>
          </cell>
          <cell r="N786">
            <v>0</v>
          </cell>
          <cell r="O786">
            <v>0</v>
          </cell>
          <cell r="P786">
            <v>0</v>
          </cell>
          <cell r="Q786">
            <v>0</v>
          </cell>
          <cell r="R786">
            <v>0</v>
          </cell>
          <cell r="S786">
            <v>0</v>
          </cell>
          <cell r="T786">
            <v>0</v>
          </cell>
          <cell r="U786">
            <v>0</v>
          </cell>
          <cell r="V786">
            <v>0</v>
          </cell>
          <cell r="W786">
            <v>0</v>
          </cell>
        </row>
        <row r="787">
          <cell r="A787" t="str">
            <v>PMI_estero_servizi_%</v>
          </cell>
          <cell r="G787">
            <v>4.7863492616444799E-2</v>
          </cell>
          <cell r="H787">
            <v>4.2276337833488171E-2</v>
          </cell>
          <cell r="I787">
            <v>4.5069915224966485E-2</v>
          </cell>
          <cell r="J787">
            <v>4.5069915224966485E-2</v>
          </cell>
          <cell r="K787">
            <v>4.5069915224966485E-2</v>
          </cell>
          <cell r="L787">
            <v>4.5069915224966485E-2</v>
          </cell>
          <cell r="M787">
            <v>4.5069915224966485E-2</v>
          </cell>
          <cell r="N787">
            <v>4.5069915224966485E-2</v>
          </cell>
          <cell r="O787">
            <v>4.5069915224966485E-2</v>
          </cell>
          <cell r="P787">
            <v>4.5069915224966485E-2</v>
          </cell>
          <cell r="Q787">
            <v>4.5069915224966485E-2</v>
          </cell>
          <cell r="R787">
            <v>4.5069915224966485E-2</v>
          </cell>
          <cell r="S787">
            <v>4.5069915224966485E-2</v>
          </cell>
          <cell r="T787">
            <v>4.5069915224966485E-2</v>
          </cell>
          <cell r="U787">
            <v>4.5069915224966485E-2</v>
          </cell>
          <cell r="V787">
            <v>4.5069915224966485E-2</v>
          </cell>
          <cell r="W787">
            <v>4.5069915224966485E-2</v>
          </cell>
        </row>
        <row r="788">
          <cell r="A788" t="str">
            <v>ENT_estero_servizi_%</v>
          </cell>
          <cell r="G788">
            <v>0</v>
          </cell>
          <cell r="H788">
            <v>0</v>
          </cell>
          <cell r="I788">
            <v>0</v>
          </cell>
          <cell r="J788">
            <v>0</v>
          </cell>
          <cell r="K788">
            <v>0</v>
          </cell>
          <cell r="L788">
            <v>0</v>
          </cell>
          <cell r="M788">
            <v>0</v>
          </cell>
          <cell r="N788">
            <v>0</v>
          </cell>
          <cell r="O788">
            <v>0</v>
          </cell>
          <cell r="P788">
            <v>0</v>
          </cell>
          <cell r="Q788">
            <v>0</v>
          </cell>
          <cell r="R788">
            <v>0</v>
          </cell>
          <cell r="S788">
            <v>0</v>
          </cell>
          <cell r="T788">
            <v>0</v>
          </cell>
          <cell r="U788">
            <v>0</v>
          </cell>
          <cell r="V788">
            <v>0</v>
          </cell>
          <cell r="W788">
            <v>0</v>
          </cell>
        </row>
        <row r="789">
          <cell r="A789" t="str">
            <v>Cor_estero_servizi_%</v>
          </cell>
          <cell r="G789">
            <v>2.479101791545139E-2</v>
          </cell>
          <cell r="H789">
            <v>2.1371745787751133E-2</v>
          </cell>
          <cell r="I789">
            <v>2.308138185160126E-2</v>
          </cell>
          <cell r="J789">
            <v>2.308138185160126E-2</v>
          </cell>
          <cell r="K789">
            <v>2.308138185160126E-2</v>
          </cell>
          <cell r="L789">
            <v>2.308138185160126E-2</v>
          </cell>
          <cell r="M789">
            <v>2.308138185160126E-2</v>
          </cell>
          <cell r="N789">
            <v>2.308138185160126E-2</v>
          </cell>
          <cell r="O789">
            <v>2.308138185160126E-2</v>
          </cell>
          <cell r="P789">
            <v>2.308138185160126E-2</v>
          </cell>
          <cell r="Q789">
            <v>2.308138185160126E-2</v>
          </cell>
          <cell r="R789">
            <v>2.308138185160126E-2</v>
          </cell>
          <cell r="S789">
            <v>2.308138185160126E-2</v>
          </cell>
          <cell r="T789">
            <v>2.308138185160126E-2</v>
          </cell>
          <cell r="U789">
            <v>2.308138185160126E-2</v>
          </cell>
          <cell r="V789">
            <v>2.308138185160126E-2</v>
          </cell>
          <cell r="W789">
            <v>2.308138185160126E-2</v>
          </cell>
        </row>
        <row r="790">
          <cell r="A790" t="str">
            <v>Gra_estero_servizi_%</v>
          </cell>
          <cell r="G790">
            <v>1.8266986231574071E-2</v>
          </cell>
          <cell r="H790">
            <v>7.9668590734881198E-3</v>
          </cell>
          <cell r="I790">
            <v>1.3116922652531095E-2</v>
          </cell>
          <cell r="J790">
            <v>1.3116922652531095E-2</v>
          </cell>
          <cell r="K790">
            <v>1.3116922652531095E-2</v>
          </cell>
          <cell r="L790">
            <v>1.3116922652531095E-2</v>
          </cell>
          <cell r="M790">
            <v>1.3116922652531095E-2</v>
          </cell>
          <cell r="N790">
            <v>1.3116922652531095E-2</v>
          </cell>
          <cell r="O790">
            <v>1.3116922652531095E-2</v>
          </cell>
          <cell r="P790">
            <v>1.3116922652531095E-2</v>
          </cell>
          <cell r="Q790">
            <v>1.3116922652531095E-2</v>
          </cell>
          <cell r="R790">
            <v>1.3116922652531095E-2</v>
          </cell>
          <cell r="S790">
            <v>1.3116922652531095E-2</v>
          </cell>
          <cell r="T790">
            <v>1.3116922652531095E-2</v>
          </cell>
          <cell r="U790">
            <v>1.3116922652531095E-2</v>
          </cell>
          <cell r="V790">
            <v>1.3116922652531095E-2</v>
          </cell>
          <cell r="W790">
            <v>1.3116922652531095E-2</v>
          </cell>
        </row>
        <row r="791">
          <cell r="A791" t="str">
            <v>FEX_estero_servizi_%</v>
          </cell>
          <cell r="G791">
            <v>0</v>
          </cell>
          <cell r="H791">
            <v>0</v>
          </cell>
          <cell r="I791">
            <v>0</v>
          </cell>
          <cell r="J791">
            <v>0</v>
          </cell>
          <cell r="K791">
            <v>0</v>
          </cell>
          <cell r="L791">
            <v>0</v>
          </cell>
          <cell r="M791">
            <v>0</v>
          </cell>
          <cell r="N791">
            <v>0</v>
          </cell>
          <cell r="O791">
            <v>0</v>
          </cell>
          <cell r="P791">
            <v>0</v>
          </cell>
          <cell r="Q791">
            <v>0</v>
          </cell>
          <cell r="R791">
            <v>0</v>
          </cell>
          <cell r="S791">
            <v>0</v>
          </cell>
          <cell r="T791">
            <v>0</v>
          </cell>
          <cell r="U791">
            <v>0</v>
          </cell>
          <cell r="V791">
            <v>0</v>
          </cell>
          <cell r="W791">
            <v>0</v>
          </cell>
        </row>
        <row r="792">
          <cell r="A792" t="str">
            <v>MCL_estero_servizi_%</v>
          </cell>
          <cell r="G792">
            <v>0</v>
          </cell>
          <cell r="H792">
            <v>0</v>
          </cell>
          <cell r="I792">
            <v>0</v>
          </cell>
          <cell r="J792">
            <v>0</v>
          </cell>
          <cell r="K792">
            <v>0</v>
          </cell>
          <cell r="L792">
            <v>0</v>
          </cell>
          <cell r="M792">
            <v>0</v>
          </cell>
          <cell r="N792">
            <v>0</v>
          </cell>
          <cell r="O792">
            <v>0</v>
          </cell>
          <cell r="P792">
            <v>0</v>
          </cell>
          <cell r="Q792">
            <v>0</v>
          </cell>
          <cell r="R792">
            <v>0</v>
          </cell>
          <cell r="S792">
            <v>0</v>
          </cell>
          <cell r="T792">
            <v>0</v>
          </cell>
          <cell r="U792">
            <v>0</v>
          </cell>
          <cell r="V792">
            <v>0</v>
          </cell>
          <cell r="W792">
            <v>0</v>
          </cell>
        </row>
        <row r="793">
          <cell r="A793" t="str">
            <v>MCG_estero_servizi_%</v>
          </cell>
          <cell r="G793">
            <v>0</v>
          </cell>
          <cell r="H793">
            <v>0</v>
          </cell>
          <cell r="I793">
            <v>0</v>
          </cell>
          <cell r="J793">
            <v>0</v>
          </cell>
          <cell r="K793">
            <v>0</v>
          </cell>
          <cell r="L793">
            <v>0</v>
          </cell>
          <cell r="M793">
            <v>0</v>
          </cell>
          <cell r="N793">
            <v>0</v>
          </cell>
          <cell r="O793">
            <v>0</v>
          </cell>
          <cell r="P793">
            <v>0</v>
          </cell>
          <cell r="Q793">
            <v>0</v>
          </cell>
          <cell r="R793">
            <v>0</v>
          </cell>
          <cell r="S793">
            <v>0</v>
          </cell>
          <cell r="T793">
            <v>0</v>
          </cell>
          <cell r="U793">
            <v>0</v>
          </cell>
          <cell r="V793">
            <v>0</v>
          </cell>
          <cell r="W793">
            <v>0</v>
          </cell>
        </row>
        <row r="794">
          <cell r="A794" t="str">
            <v>MLE_estero_servizi_%</v>
          </cell>
          <cell r="G794">
            <v>0</v>
          </cell>
          <cell r="H794">
            <v>0</v>
          </cell>
          <cell r="I794">
            <v>0</v>
          </cell>
          <cell r="J794">
            <v>0</v>
          </cell>
          <cell r="K794">
            <v>0</v>
          </cell>
          <cell r="L794">
            <v>0</v>
          </cell>
          <cell r="M794">
            <v>0</v>
          </cell>
          <cell r="N794">
            <v>0</v>
          </cell>
          <cell r="O794">
            <v>0</v>
          </cell>
          <cell r="P794">
            <v>0</v>
          </cell>
          <cell r="Q794">
            <v>0</v>
          </cell>
          <cell r="R794">
            <v>0</v>
          </cell>
          <cell r="S794">
            <v>0</v>
          </cell>
          <cell r="T794">
            <v>0</v>
          </cell>
          <cell r="U794">
            <v>0</v>
          </cell>
          <cell r="V794">
            <v>0</v>
          </cell>
          <cell r="W794">
            <v>0</v>
          </cell>
        </row>
        <row r="795">
          <cell r="A795" t="str">
            <v>MFA_estero_servizi_%</v>
          </cell>
          <cell r="G795">
            <v>0</v>
          </cell>
          <cell r="H795">
            <v>0</v>
          </cell>
          <cell r="I795">
            <v>0</v>
          </cell>
          <cell r="J795">
            <v>0</v>
          </cell>
          <cell r="K795">
            <v>0</v>
          </cell>
          <cell r="L795">
            <v>0</v>
          </cell>
          <cell r="M795">
            <v>0</v>
          </cell>
          <cell r="N795">
            <v>0</v>
          </cell>
          <cell r="O795">
            <v>0</v>
          </cell>
          <cell r="P795">
            <v>0</v>
          </cell>
          <cell r="Q795">
            <v>0</v>
          </cell>
          <cell r="R795">
            <v>0</v>
          </cell>
          <cell r="S795">
            <v>0</v>
          </cell>
          <cell r="T795">
            <v>0</v>
          </cell>
          <cell r="U795">
            <v>0</v>
          </cell>
          <cell r="V795">
            <v>0</v>
          </cell>
          <cell r="W795">
            <v>0</v>
          </cell>
        </row>
        <row r="796">
          <cell r="A796" t="str">
            <v>MBQ_estero_servizi_%</v>
          </cell>
          <cell r="G796">
            <v>0</v>
          </cell>
          <cell r="H796">
            <v>0</v>
          </cell>
          <cell r="I796">
            <v>0</v>
          </cell>
          <cell r="J796">
            <v>0</v>
          </cell>
          <cell r="K796">
            <v>0</v>
          </cell>
          <cell r="L796">
            <v>0</v>
          </cell>
          <cell r="M796">
            <v>0</v>
          </cell>
          <cell r="N796">
            <v>0</v>
          </cell>
          <cell r="O796">
            <v>0</v>
          </cell>
          <cell r="P796">
            <v>0</v>
          </cell>
          <cell r="Q796">
            <v>0</v>
          </cell>
          <cell r="R796">
            <v>0</v>
          </cell>
          <cell r="S796">
            <v>0</v>
          </cell>
          <cell r="T796">
            <v>0</v>
          </cell>
          <cell r="U796">
            <v>0</v>
          </cell>
          <cell r="V796">
            <v>0</v>
          </cell>
          <cell r="W796">
            <v>0</v>
          </cell>
        </row>
        <row r="797">
          <cell r="A797" t="str">
            <v>MBG_estero_servizi_%</v>
          </cell>
          <cell r="G797">
            <v>0</v>
          </cell>
          <cell r="H797">
            <v>0</v>
          </cell>
          <cell r="I797">
            <v>0</v>
          </cell>
          <cell r="J797">
            <v>0</v>
          </cell>
          <cell r="K797">
            <v>0</v>
          </cell>
          <cell r="L797">
            <v>0</v>
          </cell>
          <cell r="M797">
            <v>0</v>
          </cell>
          <cell r="N797">
            <v>0</v>
          </cell>
          <cell r="O797">
            <v>0</v>
          </cell>
          <cell r="P797">
            <v>0</v>
          </cell>
          <cell r="Q797">
            <v>0</v>
          </cell>
          <cell r="R797">
            <v>0</v>
          </cell>
          <cell r="S797">
            <v>0</v>
          </cell>
          <cell r="T797">
            <v>0</v>
          </cell>
          <cell r="U797">
            <v>0</v>
          </cell>
          <cell r="V797">
            <v>0</v>
          </cell>
          <cell r="W797">
            <v>0</v>
          </cell>
        </row>
        <row r="798">
          <cell r="A798" t="str">
            <v>WID_estero_servizi_%</v>
          </cell>
          <cell r="G798">
            <v>0</v>
          </cell>
          <cell r="H798">
            <v>0</v>
          </cell>
          <cell r="I798">
            <v>0</v>
          </cell>
          <cell r="J798">
            <v>0</v>
          </cell>
          <cell r="K798">
            <v>0</v>
          </cell>
          <cell r="L798">
            <v>0</v>
          </cell>
          <cell r="M798">
            <v>0</v>
          </cell>
          <cell r="N798">
            <v>0</v>
          </cell>
          <cell r="O798">
            <v>0</v>
          </cell>
          <cell r="P798">
            <v>0</v>
          </cell>
          <cell r="Q798">
            <v>0</v>
          </cell>
          <cell r="R798">
            <v>0</v>
          </cell>
          <cell r="S798">
            <v>0</v>
          </cell>
          <cell r="T798">
            <v>0</v>
          </cell>
          <cell r="U798">
            <v>0</v>
          </cell>
          <cell r="V798">
            <v>0</v>
          </cell>
          <cell r="W798">
            <v>0</v>
          </cell>
        </row>
        <row r="799">
          <cell r="A799" t="str">
            <v>FIN_estero_servizi_%</v>
          </cell>
          <cell r="G799">
            <v>0</v>
          </cell>
          <cell r="H799">
            <v>0</v>
          </cell>
          <cell r="I799">
            <v>0</v>
          </cell>
          <cell r="J799">
            <v>0</v>
          </cell>
          <cell r="K799">
            <v>0</v>
          </cell>
          <cell r="L799">
            <v>0</v>
          </cell>
          <cell r="M799">
            <v>0</v>
          </cell>
          <cell r="N799">
            <v>0</v>
          </cell>
          <cell r="O799">
            <v>0</v>
          </cell>
          <cell r="P799">
            <v>0</v>
          </cell>
          <cell r="Q799">
            <v>0</v>
          </cell>
          <cell r="R799">
            <v>0</v>
          </cell>
          <cell r="S799">
            <v>0</v>
          </cell>
          <cell r="T799">
            <v>0</v>
          </cell>
          <cell r="U799">
            <v>0</v>
          </cell>
          <cell r="V799">
            <v>0</v>
          </cell>
          <cell r="W799">
            <v>0</v>
          </cell>
        </row>
        <row r="800">
          <cell r="A800" t="str">
            <v>ALM_estero_servizi_%</v>
          </cell>
          <cell r="G800">
            <v>0</v>
          </cell>
          <cell r="H800">
            <v>0</v>
          </cell>
          <cell r="I800">
            <v>0</v>
          </cell>
          <cell r="J800">
            <v>0</v>
          </cell>
          <cell r="K800">
            <v>0</v>
          </cell>
          <cell r="L800">
            <v>0</v>
          </cell>
          <cell r="M800">
            <v>0</v>
          </cell>
          <cell r="N800">
            <v>0</v>
          </cell>
          <cell r="O800">
            <v>0</v>
          </cell>
          <cell r="P800">
            <v>0</v>
          </cell>
          <cell r="Q800">
            <v>0</v>
          </cell>
          <cell r="R800">
            <v>0</v>
          </cell>
          <cell r="S800">
            <v>0</v>
          </cell>
          <cell r="T800">
            <v>0</v>
          </cell>
          <cell r="U800">
            <v>0</v>
          </cell>
          <cell r="V800">
            <v>0</v>
          </cell>
          <cell r="W800">
            <v>0</v>
          </cell>
        </row>
        <row r="801">
          <cell r="A801" t="str">
            <v>FUO_estero_servizi_%</v>
          </cell>
          <cell r="G801">
            <v>0</v>
          </cell>
          <cell r="H801">
            <v>0</v>
          </cell>
          <cell r="I801">
            <v>0</v>
          </cell>
          <cell r="J801">
            <v>0</v>
          </cell>
          <cell r="K801">
            <v>0</v>
          </cell>
          <cell r="L801">
            <v>0</v>
          </cell>
          <cell r="M801">
            <v>0</v>
          </cell>
          <cell r="N801">
            <v>0</v>
          </cell>
          <cell r="O801">
            <v>0</v>
          </cell>
          <cell r="P801">
            <v>0</v>
          </cell>
          <cell r="Q801">
            <v>0</v>
          </cell>
          <cell r="R801">
            <v>0</v>
          </cell>
          <cell r="S801">
            <v>0</v>
          </cell>
          <cell r="T801">
            <v>0</v>
          </cell>
          <cell r="U801">
            <v>0</v>
          </cell>
          <cell r="V801">
            <v>0</v>
          </cell>
          <cell r="W801">
            <v>0</v>
          </cell>
        </row>
        <row r="802">
          <cell r="A802" t="str">
            <v>XXX_estero_servizi_%</v>
          </cell>
          <cell r="G802">
            <v>0</v>
          </cell>
          <cell r="H802">
            <v>0</v>
          </cell>
          <cell r="I802">
            <v>0</v>
          </cell>
          <cell r="J802">
            <v>0</v>
          </cell>
          <cell r="K802">
            <v>0</v>
          </cell>
          <cell r="L802">
            <v>0</v>
          </cell>
          <cell r="M802">
            <v>0</v>
          </cell>
          <cell r="N802">
            <v>0</v>
          </cell>
          <cell r="O802">
            <v>0</v>
          </cell>
          <cell r="P802">
            <v>0</v>
          </cell>
          <cell r="Q802">
            <v>0</v>
          </cell>
          <cell r="R802">
            <v>0</v>
          </cell>
          <cell r="S802">
            <v>0</v>
          </cell>
          <cell r="T802">
            <v>0</v>
          </cell>
          <cell r="U802">
            <v>0</v>
          </cell>
          <cell r="V802">
            <v>0</v>
          </cell>
          <cell r="W802">
            <v>0</v>
          </cell>
        </row>
        <row r="803">
          <cell r="G803">
            <v>0</v>
          </cell>
          <cell r="H803">
            <v>0</v>
          </cell>
          <cell r="I803">
            <v>0</v>
          </cell>
          <cell r="J803">
            <v>0</v>
          </cell>
          <cell r="K803">
            <v>0</v>
          </cell>
          <cell r="L803">
            <v>0</v>
          </cell>
          <cell r="M803">
            <v>0</v>
          </cell>
          <cell r="N803">
            <v>0</v>
          </cell>
          <cell r="O803">
            <v>0</v>
          </cell>
          <cell r="P803">
            <v>0</v>
          </cell>
          <cell r="Q803">
            <v>0</v>
          </cell>
          <cell r="R803">
            <v>0</v>
          </cell>
          <cell r="S803">
            <v>0</v>
          </cell>
          <cell r="T803">
            <v>0</v>
          </cell>
          <cell r="U803">
            <v>0</v>
          </cell>
          <cell r="V803">
            <v>0</v>
          </cell>
          <cell r="W803">
            <v>0</v>
          </cell>
        </row>
        <row r="804">
          <cell r="A804" t="str">
            <v>Val_estero_altri_%</v>
          </cell>
          <cell r="G804">
            <v>149.75079767135958</v>
          </cell>
          <cell r="H804">
            <v>49.646773231962513</v>
          </cell>
          <cell r="I804">
            <v>99.698785451661053</v>
          </cell>
          <cell r="J804">
            <v>99.698785451661053</v>
          </cell>
          <cell r="K804">
            <v>99.698785451661053</v>
          </cell>
          <cell r="L804">
            <v>99.698785451661053</v>
          </cell>
          <cell r="M804">
            <v>99.698785451661053</v>
          </cell>
          <cell r="N804">
            <v>99.698785451661053</v>
          </cell>
          <cell r="O804">
            <v>99.698785451661053</v>
          </cell>
          <cell r="P804">
            <v>99.698785451661053</v>
          </cell>
          <cell r="Q804">
            <v>99.698785451661053</v>
          </cell>
          <cell r="R804">
            <v>99.698785451661053</v>
          </cell>
          <cell r="S804">
            <v>99.698785451661053</v>
          </cell>
          <cell r="T804">
            <v>99.698785451661053</v>
          </cell>
          <cell r="U804">
            <v>99.698785451661053</v>
          </cell>
          <cell r="V804">
            <v>99.698785451661053</v>
          </cell>
          <cell r="W804">
            <v>99.698785451661053</v>
          </cell>
          <cell r="Y804">
            <v>0</v>
          </cell>
          <cell r="Z804">
            <v>0</v>
          </cell>
        </row>
        <row r="805">
          <cell r="A805" t="str">
            <v>Pre_estero_altri_%</v>
          </cell>
          <cell r="G805">
            <v>19.636737091755695</v>
          </cell>
          <cell r="H805">
            <v>15.018253497839684</v>
          </cell>
          <cell r="I805">
            <v>17.327495294797689</v>
          </cell>
          <cell r="J805">
            <v>17.327495294797689</v>
          </cell>
          <cell r="K805">
            <v>17.327495294797689</v>
          </cell>
          <cell r="L805">
            <v>17.327495294797689</v>
          </cell>
          <cell r="M805">
            <v>17.327495294797689</v>
          </cell>
          <cell r="N805">
            <v>17.327495294797689</v>
          </cell>
          <cell r="O805">
            <v>17.327495294797689</v>
          </cell>
          <cell r="P805">
            <v>17.327495294797689</v>
          </cell>
          <cell r="Q805">
            <v>17.327495294797689</v>
          </cell>
          <cell r="R805">
            <v>17.327495294797689</v>
          </cell>
          <cell r="S805">
            <v>17.327495294797689</v>
          </cell>
          <cell r="T805">
            <v>17.327495294797689</v>
          </cell>
          <cell r="U805">
            <v>17.327495294797689</v>
          </cell>
          <cell r="V805">
            <v>17.327495294797689</v>
          </cell>
          <cell r="W805">
            <v>17.327495294797689</v>
          </cell>
        </row>
        <row r="806">
          <cell r="A806" t="str">
            <v>Sma_estero_altri_%</v>
          </cell>
          <cell r="G806">
            <v>8.5583203370430655E-2</v>
          </cell>
          <cell r="H806">
            <v>6.2107381657564936E-2</v>
          </cell>
          <cell r="I806">
            <v>7.3845292513997796E-2</v>
          </cell>
          <cell r="J806">
            <v>7.3845292513997796E-2</v>
          </cell>
          <cell r="K806">
            <v>7.3845292513997796E-2</v>
          </cell>
          <cell r="L806">
            <v>7.3845292513997796E-2</v>
          </cell>
          <cell r="M806">
            <v>7.3845292513997796E-2</v>
          </cell>
          <cell r="N806">
            <v>7.3845292513997796E-2</v>
          </cell>
          <cell r="O806">
            <v>7.3845292513997796E-2</v>
          </cell>
          <cell r="P806">
            <v>7.3845292513997796E-2</v>
          </cell>
          <cell r="Q806">
            <v>7.3845292513997796E-2</v>
          </cell>
          <cell r="R806">
            <v>7.3845292513997796E-2</v>
          </cell>
          <cell r="S806">
            <v>7.3845292513997796E-2</v>
          </cell>
          <cell r="T806">
            <v>7.3845292513997796E-2</v>
          </cell>
          <cell r="U806">
            <v>7.3845292513997796E-2</v>
          </cell>
          <cell r="V806">
            <v>7.3845292513997796E-2</v>
          </cell>
          <cell r="W806">
            <v>7.3845292513997796E-2</v>
          </cell>
        </row>
        <row r="807">
          <cell r="A807" t="str">
            <v>Pri_estero_altri_%</v>
          </cell>
          <cell r="G807">
            <v>3.3991641580878595</v>
          </cell>
          <cell r="H807">
            <v>0.77873528121197311</v>
          </cell>
          <cell r="I807">
            <v>2.0889497196499165</v>
          </cell>
          <cell r="J807">
            <v>2.0889497196499165</v>
          </cell>
          <cell r="K807">
            <v>2.0889497196499165</v>
          </cell>
          <cell r="L807">
            <v>2.0889497196499165</v>
          </cell>
          <cell r="M807">
            <v>2.0889497196499165</v>
          </cell>
          <cell r="N807">
            <v>2.0889497196499165</v>
          </cell>
          <cell r="O807">
            <v>2.0889497196499165</v>
          </cell>
          <cell r="P807">
            <v>2.0889497196499165</v>
          </cell>
          <cell r="Q807">
            <v>2.0889497196499165</v>
          </cell>
          <cell r="R807">
            <v>2.0889497196499165</v>
          </cell>
          <cell r="S807">
            <v>2.0889497196499165</v>
          </cell>
          <cell r="T807">
            <v>2.0889497196499165</v>
          </cell>
          <cell r="U807">
            <v>2.0889497196499165</v>
          </cell>
          <cell r="V807">
            <v>2.0889497196499165</v>
          </cell>
          <cell r="W807">
            <v>2.0889497196499165</v>
          </cell>
        </row>
        <row r="808">
          <cell r="A808" t="str">
            <v>Fam_estero_altri_%</v>
          </cell>
          <cell r="G808">
            <v>0</v>
          </cell>
          <cell r="H808">
            <v>0</v>
          </cell>
          <cell r="I808">
            <v>0</v>
          </cell>
          <cell r="J808">
            <v>0</v>
          </cell>
          <cell r="K808">
            <v>0</v>
          </cell>
          <cell r="L808">
            <v>0</v>
          </cell>
          <cell r="M808">
            <v>0</v>
          </cell>
          <cell r="N808">
            <v>0</v>
          </cell>
          <cell r="O808">
            <v>0</v>
          </cell>
          <cell r="P808">
            <v>0</v>
          </cell>
          <cell r="Q808">
            <v>0</v>
          </cell>
          <cell r="R808">
            <v>0</v>
          </cell>
          <cell r="S808">
            <v>0</v>
          </cell>
          <cell r="T808">
            <v>0</v>
          </cell>
          <cell r="U808">
            <v>0</v>
          </cell>
          <cell r="V808">
            <v>0</v>
          </cell>
          <cell r="W808">
            <v>0</v>
          </cell>
        </row>
        <row r="809">
          <cell r="A809" t="str">
            <v>PMI_estero_altri_%</v>
          </cell>
          <cell r="G809">
            <v>6.9169917902869416E-2</v>
          </cell>
          <cell r="H809">
            <v>3.097896797755844E-2</v>
          </cell>
          <cell r="I809">
            <v>5.0074442940213931E-2</v>
          </cell>
          <cell r="J809">
            <v>5.0074442940213931E-2</v>
          </cell>
          <cell r="K809">
            <v>5.0074442940213931E-2</v>
          </cell>
          <cell r="L809">
            <v>5.0074442940213931E-2</v>
          </cell>
          <cell r="M809">
            <v>5.0074442940213931E-2</v>
          </cell>
          <cell r="N809">
            <v>5.0074442940213931E-2</v>
          </cell>
          <cell r="O809">
            <v>5.0074442940213931E-2</v>
          </cell>
          <cell r="P809">
            <v>5.0074442940213931E-2</v>
          </cell>
          <cell r="Q809">
            <v>5.0074442940213931E-2</v>
          </cell>
          <cell r="R809">
            <v>5.0074442940213931E-2</v>
          </cell>
          <cell r="S809">
            <v>5.0074442940213931E-2</v>
          </cell>
          <cell r="T809">
            <v>5.0074442940213931E-2</v>
          </cell>
          <cell r="U809">
            <v>5.0074442940213931E-2</v>
          </cell>
          <cell r="V809">
            <v>5.0074442940213931E-2</v>
          </cell>
          <cell r="W809">
            <v>5.0074442940213931E-2</v>
          </cell>
        </row>
        <row r="810">
          <cell r="A810" t="str">
            <v>ENT_estero_altri_%</v>
          </cell>
          <cell r="G810">
            <v>0.94121082689812285</v>
          </cell>
          <cell r="H810">
            <v>5.1225028395804104</v>
          </cell>
          <cell r="I810">
            <v>3.0318568332392668</v>
          </cell>
          <cell r="J810">
            <v>3.0318568332392668</v>
          </cell>
          <cell r="K810">
            <v>3.0318568332392668</v>
          </cell>
          <cell r="L810">
            <v>3.0318568332392668</v>
          </cell>
          <cell r="M810">
            <v>3.0318568332392668</v>
          </cell>
          <cell r="N810">
            <v>3.0318568332392668</v>
          </cell>
          <cell r="O810">
            <v>3.0318568332392668</v>
          </cell>
          <cell r="P810">
            <v>3.0318568332392668</v>
          </cell>
          <cell r="Q810">
            <v>3.0318568332392668</v>
          </cell>
          <cell r="R810">
            <v>3.0318568332392668</v>
          </cell>
          <cell r="S810">
            <v>3.0318568332392668</v>
          </cell>
          <cell r="T810">
            <v>3.0318568332392668</v>
          </cell>
          <cell r="U810">
            <v>3.0318568332392668</v>
          </cell>
          <cell r="V810">
            <v>3.0318568332392668</v>
          </cell>
          <cell r="W810">
            <v>3.0318568332392668</v>
          </cell>
        </row>
        <row r="811">
          <cell r="A811" t="str">
            <v>Cor_estero_altri_%</v>
          </cell>
          <cell r="G811">
            <v>5.1107017188847963E-2</v>
          </cell>
          <cell r="H811">
            <v>3.3893499289789797E-2</v>
          </cell>
          <cell r="I811">
            <v>4.2500258239318883E-2</v>
          </cell>
          <cell r="J811">
            <v>4.2500258239318883E-2</v>
          </cell>
          <cell r="K811">
            <v>4.2500258239318883E-2</v>
          </cell>
          <cell r="L811">
            <v>4.2500258239318883E-2</v>
          </cell>
          <cell r="M811">
            <v>4.2500258239318883E-2</v>
          </cell>
          <cell r="N811">
            <v>4.2500258239318883E-2</v>
          </cell>
          <cell r="O811">
            <v>4.2500258239318883E-2</v>
          </cell>
          <cell r="P811">
            <v>4.2500258239318883E-2</v>
          </cell>
          <cell r="Q811">
            <v>4.2500258239318883E-2</v>
          </cell>
          <cell r="R811">
            <v>4.2500258239318883E-2</v>
          </cell>
          <cell r="S811">
            <v>4.2500258239318883E-2</v>
          </cell>
          <cell r="T811">
            <v>4.2500258239318883E-2</v>
          </cell>
          <cell r="U811">
            <v>4.2500258239318883E-2</v>
          </cell>
          <cell r="V811">
            <v>4.2500258239318883E-2</v>
          </cell>
          <cell r="W811">
            <v>4.2500258239318883E-2</v>
          </cell>
        </row>
        <row r="812">
          <cell r="A812" t="str">
            <v>Gra_estero_altri_%</v>
          </cell>
          <cell r="G812">
            <v>1.579790601639109E-2</v>
          </cell>
          <cell r="H812">
            <v>1.1489339646631909E-2</v>
          </cell>
          <cell r="I812">
            <v>1.36436228315115E-2</v>
          </cell>
          <cell r="J812">
            <v>1.36436228315115E-2</v>
          </cell>
          <cell r="K812">
            <v>1.36436228315115E-2</v>
          </cell>
          <cell r="L812">
            <v>1.36436228315115E-2</v>
          </cell>
          <cell r="M812">
            <v>1.36436228315115E-2</v>
          </cell>
          <cell r="N812">
            <v>1.36436228315115E-2</v>
          </cell>
          <cell r="O812">
            <v>1.36436228315115E-2</v>
          </cell>
          <cell r="P812">
            <v>1.36436228315115E-2</v>
          </cell>
          <cell r="Q812">
            <v>1.36436228315115E-2</v>
          </cell>
          <cell r="R812">
            <v>1.36436228315115E-2</v>
          </cell>
          <cell r="S812">
            <v>1.36436228315115E-2</v>
          </cell>
          <cell r="T812">
            <v>1.36436228315115E-2</v>
          </cell>
          <cell r="U812">
            <v>1.36436228315115E-2</v>
          </cell>
          <cell r="V812">
            <v>1.36436228315115E-2</v>
          </cell>
          <cell r="W812">
            <v>1.36436228315115E-2</v>
          </cell>
        </row>
        <row r="813">
          <cell r="A813" t="str">
            <v>FEX_estero_altri_%</v>
          </cell>
          <cell r="G813">
            <v>0</v>
          </cell>
          <cell r="H813">
            <v>0</v>
          </cell>
          <cell r="I813">
            <v>0</v>
          </cell>
          <cell r="J813">
            <v>0</v>
          </cell>
          <cell r="K813">
            <v>0</v>
          </cell>
          <cell r="L813">
            <v>0</v>
          </cell>
          <cell r="M813">
            <v>0</v>
          </cell>
          <cell r="N813">
            <v>0</v>
          </cell>
          <cell r="O813">
            <v>0</v>
          </cell>
          <cell r="P813">
            <v>0</v>
          </cell>
          <cell r="Q813">
            <v>0</v>
          </cell>
          <cell r="R813">
            <v>0</v>
          </cell>
          <cell r="S813">
            <v>0</v>
          </cell>
          <cell r="T813">
            <v>0</v>
          </cell>
          <cell r="U813">
            <v>0</v>
          </cell>
          <cell r="V813">
            <v>0</v>
          </cell>
          <cell r="W813">
            <v>0</v>
          </cell>
        </row>
        <row r="814">
          <cell r="A814" t="str">
            <v>MCL_estero_altri_%</v>
          </cell>
          <cell r="G814">
            <v>0</v>
          </cell>
          <cell r="H814">
            <v>0</v>
          </cell>
          <cell r="I814">
            <v>0</v>
          </cell>
          <cell r="J814">
            <v>0</v>
          </cell>
          <cell r="K814">
            <v>0</v>
          </cell>
          <cell r="L814">
            <v>0</v>
          </cell>
          <cell r="M814">
            <v>0</v>
          </cell>
          <cell r="N814">
            <v>0</v>
          </cell>
          <cell r="O814">
            <v>0</v>
          </cell>
          <cell r="P814">
            <v>0</v>
          </cell>
          <cell r="Q814">
            <v>0</v>
          </cell>
          <cell r="R814">
            <v>0</v>
          </cell>
          <cell r="S814">
            <v>0</v>
          </cell>
          <cell r="T814">
            <v>0</v>
          </cell>
          <cell r="U814">
            <v>0</v>
          </cell>
          <cell r="V814">
            <v>0</v>
          </cell>
          <cell r="W814">
            <v>0</v>
          </cell>
        </row>
        <row r="815">
          <cell r="A815" t="str">
            <v>MCG_estero_altri_%</v>
          </cell>
          <cell r="G815">
            <v>0</v>
          </cell>
          <cell r="H815">
            <v>0</v>
          </cell>
          <cell r="I815">
            <v>0</v>
          </cell>
          <cell r="J815">
            <v>0</v>
          </cell>
          <cell r="K815">
            <v>0</v>
          </cell>
          <cell r="L815">
            <v>0</v>
          </cell>
          <cell r="M815">
            <v>0</v>
          </cell>
          <cell r="N815">
            <v>0</v>
          </cell>
          <cell r="O815">
            <v>0</v>
          </cell>
          <cell r="P815">
            <v>0</v>
          </cell>
          <cell r="Q815">
            <v>0</v>
          </cell>
          <cell r="R815">
            <v>0</v>
          </cell>
          <cell r="S815">
            <v>0</v>
          </cell>
          <cell r="T815">
            <v>0</v>
          </cell>
          <cell r="U815">
            <v>0</v>
          </cell>
          <cell r="V815">
            <v>0</v>
          </cell>
          <cell r="W815">
            <v>0</v>
          </cell>
        </row>
        <row r="816">
          <cell r="A816" t="str">
            <v>MLE_estero_altri_%</v>
          </cell>
          <cell r="G816">
            <v>0</v>
          </cell>
          <cell r="H816">
            <v>0</v>
          </cell>
          <cell r="I816">
            <v>0</v>
          </cell>
          <cell r="J816">
            <v>0</v>
          </cell>
          <cell r="K816">
            <v>0</v>
          </cell>
          <cell r="L816">
            <v>0</v>
          </cell>
          <cell r="M816">
            <v>0</v>
          </cell>
          <cell r="N816">
            <v>0</v>
          </cell>
          <cell r="O816">
            <v>0</v>
          </cell>
          <cell r="P816">
            <v>0</v>
          </cell>
          <cell r="Q816">
            <v>0</v>
          </cell>
          <cell r="R816">
            <v>0</v>
          </cell>
          <cell r="S816">
            <v>0</v>
          </cell>
          <cell r="T816">
            <v>0</v>
          </cell>
          <cell r="U816">
            <v>0</v>
          </cell>
          <cell r="V816">
            <v>0</v>
          </cell>
          <cell r="W816">
            <v>0</v>
          </cell>
        </row>
        <row r="817">
          <cell r="A817" t="str">
            <v>MFA_estero_altri_%</v>
          </cell>
          <cell r="G817">
            <v>0</v>
          </cell>
          <cell r="H817">
            <v>0</v>
          </cell>
          <cell r="I817">
            <v>0</v>
          </cell>
          <cell r="J817">
            <v>0</v>
          </cell>
          <cell r="K817">
            <v>0</v>
          </cell>
          <cell r="L817">
            <v>0</v>
          </cell>
          <cell r="M817">
            <v>0</v>
          </cell>
          <cell r="N817">
            <v>0</v>
          </cell>
          <cell r="O817">
            <v>0</v>
          </cell>
          <cell r="P817">
            <v>0</v>
          </cell>
          <cell r="Q817">
            <v>0</v>
          </cell>
          <cell r="R817">
            <v>0</v>
          </cell>
          <cell r="S817">
            <v>0</v>
          </cell>
          <cell r="T817">
            <v>0</v>
          </cell>
          <cell r="U817">
            <v>0</v>
          </cell>
          <cell r="V817">
            <v>0</v>
          </cell>
          <cell r="W817">
            <v>0</v>
          </cell>
        </row>
        <row r="818">
          <cell r="A818" t="str">
            <v>MBQ_estero_altri_%</v>
          </cell>
          <cell r="G818">
            <v>0</v>
          </cell>
          <cell r="H818">
            <v>0</v>
          </cell>
          <cell r="I818">
            <v>0</v>
          </cell>
          <cell r="J818">
            <v>0</v>
          </cell>
          <cell r="K818">
            <v>0</v>
          </cell>
          <cell r="L818">
            <v>0</v>
          </cell>
          <cell r="M818">
            <v>0</v>
          </cell>
          <cell r="N818">
            <v>0</v>
          </cell>
          <cell r="O818">
            <v>0</v>
          </cell>
          <cell r="P818">
            <v>0</v>
          </cell>
          <cell r="Q818">
            <v>0</v>
          </cell>
          <cell r="R818">
            <v>0</v>
          </cell>
          <cell r="S818">
            <v>0</v>
          </cell>
          <cell r="T818">
            <v>0</v>
          </cell>
          <cell r="U818">
            <v>0</v>
          </cell>
          <cell r="V818">
            <v>0</v>
          </cell>
          <cell r="W818">
            <v>0</v>
          </cell>
        </row>
        <row r="819">
          <cell r="A819" t="str">
            <v>MBG_estero_altri_%</v>
          </cell>
          <cell r="G819">
            <v>0</v>
          </cell>
          <cell r="H819">
            <v>0</v>
          </cell>
          <cell r="I819">
            <v>0</v>
          </cell>
          <cell r="J819">
            <v>0</v>
          </cell>
          <cell r="K819">
            <v>0</v>
          </cell>
          <cell r="L819">
            <v>0</v>
          </cell>
          <cell r="M819">
            <v>0</v>
          </cell>
          <cell r="N819">
            <v>0</v>
          </cell>
          <cell r="O819">
            <v>0</v>
          </cell>
          <cell r="P819">
            <v>0</v>
          </cell>
          <cell r="Q819">
            <v>0</v>
          </cell>
          <cell r="R819">
            <v>0</v>
          </cell>
          <cell r="S819">
            <v>0</v>
          </cell>
          <cell r="T819">
            <v>0</v>
          </cell>
          <cell r="U819">
            <v>0</v>
          </cell>
          <cell r="V819">
            <v>0</v>
          </cell>
          <cell r="W819">
            <v>0</v>
          </cell>
        </row>
        <row r="820">
          <cell r="A820" t="str">
            <v>WID_estero_altri_%</v>
          </cell>
          <cell r="G820">
            <v>0</v>
          </cell>
          <cell r="H820">
            <v>0</v>
          </cell>
          <cell r="I820">
            <v>0</v>
          </cell>
          <cell r="J820">
            <v>0</v>
          </cell>
          <cell r="K820">
            <v>0</v>
          </cell>
          <cell r="L820">
            <v>0</v>
          </cell>
          <cell r="M820">
            <v>0</v>
          </cell>
          <cell r="N820">
            <v>0</v>
          </cell>
          <cell r="O820">
            <v>0</v>
          </cell>
          <cell r="P820">
            <v>0</v>
          </cell>
          <cell r="Q820">
            <v>0</v>
          </cell>
          <cell r="R820">
            <v>0</v>
          </cell>
          <cell r="S820">
            <v>0</v>
          </cell>
          <cell r="T820">
            <v>0</v>
          </cell>
          <cell r="U820">
            <v>0</v>
          </cell>
          <cell r="V820">
            <v>0</v>
          </cell>
          <cell r="W820">
            <v>0</v>
          </cell>
        </row>
        <row r="821">
          <cell r="A821" t="str">
            <v>FIN_estero_altri_%</v>
          </cell>
          <cell r="G821">
            <v>0</v>
          </cell>
          <cell r="H821">
            <v>0</v>
          </cell>
          <cell r="I821">
            <v>0</v>
          </cell>
          <cell r="J821">
            <v>0</v>
          </cell>
          <cell r="K821">
            <v>0</v>
          </cell>
          <cell r="L821">
            <v>0</v>
          </cell>
          <cell r="M821">
            <v>0</v>
          </cell>
          <cell r="N821">
            <v>0</v>
          </cell>
          <cell r="O821">
            <v>0</v>
          </cell>
          <cell r="P821">
            <v>0</v>
          </cell>
          <cell r="Q821">
            <v>0</v>
          </cell>
          <cell r="R821">
            <v>0</v>
          </cell>
          <cell r="S821">
            <v>0</v>
          </cell>
          <cell r="T821">
            <v>0</v>
          </cell>
          <cell r="U821">
            <v>0</v>
          </cell>
          <cell r="V821">
            <v>0</v>
          </cell>
          <cell r="W821">
            <v>0</v>
          </cell>
        </row>
        <row r="822">
          <cell r="A822" t="str">
            <v>ALM_estero_altri_%</v>
          </cell>
          <cell r="G822">
            <v>0</v>
          </cell>
          <cell r="H822">
            <v>0</v>
          </cell>
          <cell r="I822">
            <v>0</v>
          </cell>
          <cell r="J822">
            <v>0</v>
          </cell>
          <cell r="K822">
            <v>0</v>
          </cell>
          <cell r="L822">
            <v>0</v>
          </cell>
          <cell r="M822">
            <v>0</v>
          </cell>
          <cell r="N822">
            <v>0</v>
          </cell>
          <cell r="O822">
            <v>0</v>
          </cell>
          <cell r="P822">
            <v>0</v>
          </cell>
          <cell r="Q822">
            <v>0</v>
          </cell>
          <cell r="R822">
            <v>0</v>
          </cell>
          <cell r="S822">
            <v>0</v>
          </cell>
          <cell r="T822">
            <v>0</v>
          </cell>
          <cell r="U822">
            <v>0</v>
          </cell>
          <cell r="V822">
            <v>0</v>
          </cell>
          <cell r="W822">
            <v>0</v>
          </cell>
        </row>
        <row r="823">
          <cell r="A823" t="str">
            <v>FUO_estero_altri_%</v>
          </cell>
          <cell r="G823">
            <v>0</v>
          </cell>
          <cell r="H823">
            <v>0</v>
          </cell>
          <cell r="I823">
            <v>0</v>
          </cell>
          <cell r="J823">
            <v>0</v>
          </cell>
          <cell r="K823">
            <v>0</v>
          </cell>
          <cell r="L823">
            <v>0</v>
          </cell>
          <cell r="M823">
            <v>0</v>
          </cell>
          <cell r="N823">
            <v>0</v>
          </cell>
          <cell r="O823">
            <v>0</v>
          </cell>
          <cell r="P823">
            <v>0</v>
          </cell>
          <cell r="Q823">
            <v>0</v>
          </cell>
          <cell r="R823">
            <v>0</v>
          </cell>
          <cell r="S823">
            <v>0</v>
          </cell>
          <cell r="T823">
            <v>0</v>
          </cell>
          <cell r="U823">
            <v>0</v>
          </cell>
          <cell r="V823">
            <v>0</v>
          </cell>
          <cell r="W823">
            <v>0</v>
          </cell>
        </row>
        <row r="824">
          <cell r="A824" t="str">
            <v>XXX_estero_altri_%</v>
          </cell>
          <cell r="G824">
            <v>0</v>
          </cell>
          <cell r="H824">
            <v>0</v>
          </cell>
          <cell r="I824">
            <v>0</v>
          </cell>
          <cell r="J824">
            <v>0</v>
          </cell>
          <cell r="K824">
            <v>0</v>
          </cell>
          <cell r="L824">
            <v>0</v>
          </cell>
          <cell r="M824">
            <v>0</v>
          </cell>
          <cell r="N824">
            <v>0</v>
          </cell>
          <cell r="O824">
            <v>0</v>
          </cell>
          <cell r="P824">
            <v>0</v>
          </cell>
          <cell r="Q824">
            <v>0</v>
          </cell>
          <cell r="R824">
            <v>0</v>
          </cell>
          <cell r="S824">
            <v>0</v>
          </cell>
          <cell r="T824">
            <v>0</v>
          </cell>
          <cell r="U824">
            <v>0</v>
          </cell>
          <cell r="V824">
            <v>0</v>
          </cell>
          <cell r="W824">
            <v>0</v>
          </cell>
        </row>
        <row r="825">
          <cell r="G825">
            <v>0</v>
          </cell>
          <cell r="H825">
            <v>0</v>
          </cell>
          <cell r="I825">
            <v>0</v>
          </cell>
          <cell r="J825">
            <v>0</v>
          </cell>
          <cell r="K825">
            <v>0</v>
          </cell>
          <cell r="L825">
            <v>0</v>
          </cell>
          <cell r="M825">
            <v>0</v>
          </cell>
          <cell r="N825">
            <v>0</v>
          </cell>
          <cell r="O825">
            <v>0</v>
          </cell>
          <cell r="P825">
            <v>0</v>
          </cell>
          <cell r="Q825">
            <v>0</v>
          </cell>
          <cell r="R825">
            <v>0</v>
          </cell>
          <cell r="S825">
            <v>0</v>
          </cell>
          <cell r="T825">
            <v>0</v>
          </cell>
          <cell r="U825">
            <v>0</v>
          </cell>
          <cell r="V825">
            <v>0</v>
          </cell>
          <cell r="W825">
            <v>0</v>
          </cell>
        </row>
        <row r="826">
          <cell r="G826">
            <v>0</v>
          </cell>
          <cell r="H826">
            <v>0</v>
          </cell>
          <cell r="I826">
            <v>0</v>
          </cell>
          <cell r="J826">
            <v>0</v>
          </cell>
          <cell r="K826">
            <v>0</v>
          </cell>
          <cell r="L826">
            <v>0</v>
          </cell>
          <cell r="M826">
            <v>0</v>
          </cell>
          <cell r="N826">
            <v>0</v>
          </cell>
          <cell r="O826">
            <v>0</v>
          </cell>
          <cell r="P826">
            <v>0</v>
          </cell>
          <cell r="Q826">
            <v>0</v>
          </cell>
          <cell r="R826">
            <v>0</v>
          </cell>
          <cell r="S826">
            <v>0</v>
          </cell>
          <cell r="T826">
            <v>0</v>
          </cell>
          <cell r="U826">
            <v>0</v>
          </cell>
          <cell r="V826">
            <v>0</v>
          </cell>
          <cell r="W826">
            <v>0</v>
          </cell>
        </row>
        <row r="827">
          <cell r="G827">
            <v>0</v>
          </cell>
          <cell r="H827">
            <v>0</v>
          </cell>
          <cell r="I827">
            <v>0</v>
          </cell>
          <cell r="J827">
            <v>0</v>
          </cell>
          <cell r="K827">
            <v>0</v>
          </cell>
          <cell r="L827">
            <v>0</v>
          </cell>
          <cell r="M827">
            <v>0</v>
          </cell>
          <cell r="N827">
            <v>0</v>
          </cell>
          <cell r="O827">
            <v>0</v>
          </cell>
          <cell r="P827">
            <v>0</v>
          </cell>
          <cell r="Q827">
            <v>0</v>
          </cell>
          <cell r="R827">
            <v>0</v>
          </cell>
          <cell r="S827">
            <v>0</v>
          </cell>
          <cell r="T827">
            <v>0</v>
          </cell>
          <cell r="U827">
            <v>0</v>
          </cell>
          <cell r="V827">
            <v>0</v>
          </cell>
          <cell r="W827">
            <v>0</v>
          </cell>
        </row>
        <row r="828">
          <cell r="A828" t="str">
            <v>Val_pos_%</v>
          </cell>
          <cell r="G828">
            <v>1.3387423410168378E-4</v>
          </cell>
          <cell r="H828">
            <v>1.4137714885372943E-4</v>
          </cell>
          <cell r="I828">
            <v>1.3762569147770661E-4</v>
          </cell>
          <cell r="J828">
            <v>1.3762569147770661E-4</v>
          </cell>
          <cell r="K828">
            <v>1.3762569147770661E-4</v>
          </cell>
          <cell r="L828">
            <v>1.3762569147770661E-4</v>
          </cell>
          <cell r="M828">
            <v>1.3762569147770661E-4</v>
          </cell>
          <cell r="N828">
            <v>1.3762569147770661E-4</v>
          </cell>
          <cell r="O828">
            <v>1.3762569147770661E-4</v>
          </cell>
          <cell r="P828">
            <v>1.3762569147770661E-4</v>
          </cell>
          <cell r="Q828">
            <v>1.3762569147770661E-4</v>
          </cell>
          <cell r="R828">
            <v>1.3762569147770661E-4</v>
          </cell>
          <cell r="S828">
            <v>1.3762569147770661E-4</v>
          </cell>
          <cell r="T828">
            <v>1.3762569147770661E-4</v>
          </cell>
          <cell r="U828">
            <v>1.3762569147770661E-4</v>
          </cell>
          <cell r="V828">
            <v>1.3762569147770661E-4</v>
          </cell>
          <cell r="W828">
            <v>1.3762569147770661E-4</v>
          </cell>
          <cell r="Y828">
            <v>0</v>
          </cell>
          <cell r="Z828">
            <v>0</v>
          </cell>
        </row>
        <row r="829">
          <cell r="A829" t="str">
            <v>Pre_pos_%</v>
          </cell>
          <cell r="G829">
            <v>1.4002722685388331E-4</v>
          </cell>
          <cell r="H829">
            <v>1.4697846153846156E-4</v>
          </cell>
          <cell r="I829">
            <v>1.4350284419617244E-4</v>
          </cell>
          <cell r="J829">
            <v>1.4350284419617244E-4</v>
          </cell>
          <cell r="K829">
            <v>1.4350284419617244E-4</v>
          </cell>
          <cell r="L829">
            <v>1.4350284419617244E-4</v>
          </cell>
          <cell r="M829">
            <v>1.4350284419617244E-4</v>
          </cell>
          <cell r="N829">
            <v>1.4350284419617244E-4</v>
          </cell>
          <cell r="O829">
            <v>1.4350284419617244E-4</v>
          </cell>
          <cell r="P829">
            <v>1.4350284419617244E-4</v>
          </cell>
          <cell r="Q829">
            <v>1.4350284419617244E-4</v>
          </cell>
          <cell r="R829">
            <v>1.4350284419617244E-4</v>
          </cell>
          <cell r="S829">
            <v>1.4350284419617244E-4</v>
          </cell>
          <cell r="T829">
            <v>1.4350284419617244E-4</v>
          </cell>
          <cell r="U829">
            <v>1.4350284419617244E-4</v>
          </cell>
          <cell r="V829">
            <v>1.4350284419617244E-4</v>
          </cell>
          <cell r="W829">
            <v>1.4350284419617244E-4</v>
          </cell>
        </row>
        <row r="830">
          <cell r="A830" t="str">
            <v>Sma_pos_%</v>
          </cell>
          <cell r="G830">
            <v>1.8261950641759161E-4</v>
          </cell>
          <cell r="H830">
            <v>1.998041540380237E-4</v>
          </cell>
          <cell r="I830">
            <v>1.9121183022780767E-4</v>
          </cell>
          <cell r="J830">
            <v>1.9121183022780767E-4</v>
          </cell>
          <cell r="K830">
            <v>1.9121183022780767E-4</v>
          </cell>
          <cell r="L830">
            <v>1.9121183022780767E-4</v>
          </cell>
          <cell r="M830">
            <v>1.9121183022780767E-4</v>
          </cell>
          <cell r="N830">
            <v>1.9121183022780767E-4</v>
          </cell>
          <cell r="O830">
            <v>1.9121183022780767E-4</v>
          </cell>
          <cell r="P830">
            <v>1.9121183022780767E-4</v>
          </cell>
          <cell r="Q830">
            <v>1.9121183022780767E-4</v>
          </cell>
          <cell r="R830">
            <v>1.9121183022780767E-4</v>
          </cell>
          <cell r="S830">
            <v>1.9121183022780767E-4</v>
          </cell>
          <cell r="T830">
            <v>1.9121183022780767E-4</v>
          </cell>
          <cell r="U830">
            <v>1.9121183022780767E-4</v>
          </cell>
          <cell r="V830">
            <v>1.9121183022780767E-4</v>
          </cell>
          <cell r="W830">
            <v>1.9121183022780767E-4</v>
          </cell>
        </row>
        <row r="831">
          <cell r="A831" t="str">
            <v>Pri_pos_%</v>
          </cell>
          <cell r="G831">
            <v>1.3713913875598082E-4</v>
          </cell>
          <cell r="H831">
            <v>1.3738893300248138E-4</v>
          </cell>
          <cell r="I831">
            <v>1.372640358792311E-4</v>
          </cell>
          <cell r="J831">
            <v>1.372640358792311E-4</v>
          </cell>
          <cell r="K831">
            <v>1.372640358792311E-4</v>
          </cell>
          <cell r="L831">
            <v>1.372640358792311E-4</v>
          </cell>
          <cell r="M831">
            <v>1.372640358792311E-4</v>
          </cell>
          <cell r="N831">
            <v>1.372640358792311E-4</v>
          </cell>
          <cell r="O831">
            <v>1.372640358792311E-4</v>
          </cell>
          <cell r="P831">
            <v>1.372640358792311E-4</v>
          </cell>
          <cell r="Q831">
            <v>1.372640358792311E-4</v>
          </cell>
          <cell r="R831">
            <v>1.372640358792311E-4</v>
          </cell>
          <cell r="S831">
            <v>1.372640358792311E-4</v>
          </cell>
          <cell r="T831">
            <v>1.372640358792311E-4</v>
          </cell>
          <cell r="U831">
            <v>1.372640358792311E-4</v>
          </cell>
          <cell r="V831">
            <v>1.372640358792311E-4</v>
          </cell>
          <cell r="W831">
            <v>1.372640358792311E-4</v>
          </cell>
        </row>
        <row r="832">
          <cell r="A832" t="str">
            <v>Fam_pos_%</v>
          </cell>
          <cell r="G832">
            <v>2.3739470588235293E-4</v>
          </cell>
          <cell r="H832">
            <v>4.1855148936170212E-4</v>
          </cell>
          <cell r="I832">
            <v>3.279730976220275E-4</v>
          </cell>
          <cell r="J832">
            <v>3.279730976220275E-4</v>
          </cell>
          <cell r="K832">
            <v>3.279730976220275E-4</v>
          </cell>
          <cell r="L832">
            <v>3.279730976220275E-4</v>
          </cell>
          <cell r="M832">
            <v>3.279730976220275E-4</v>
          </cell>
          <cell r="N832">
            <v>3.279730976220275E-4</v>
          </cell>
          <cell r="O832">
            <v>3.279730976220275E-4</v>
          </cell>
          <cell r="P832">
            <v>3.279730976220275E-4</v>
          </cell>
          <cell r="Q832">
            <v>3.279730976220275E-4</v>
          </cell>
          <cell r="R832">
            <v>3.279730976220275E-4</v>
          </cell>
          <cell r="S832">
            <v>3.279730976220275E-4</v>
          </cell>
          <cell r="T832">
            <v>3.279730976220275E-4</v>
          </cell>
          <cell r="U832">
            <v>3.279730976220275E-4</v>
          </cell>
          <cell r="V832">
            <v>3.279730976220275E-4</v>
          </cell>
          <cell r="W832">
            <v>3.279730976220275E-4</v>
          </cell>
        </row>
        <row r="833">
          <cell r="A833" t="str">
            <v>PMI_pos_%</v>
          </cell>
          <cell r="G833">
            <v>1.6095178877765709E-4</v>
          </cell>
          <cell r="H833">
            <v>2.0527948954254609E-4</v>
          </cell>
          <cell r="I833">
            <v>1.8311563916010161E-4</v>
          </cell>
          <cell r="J833">
            <v>1.8311563916010161E-4</v>
          </cell>
          <cell r="K833">
            <v>1.8311563916010161E-4</v>
          </cell>
          <cell r="L833">
            <v>1.8311563916010161E-4</v>
          </cell>
          <cell r="M833">
            <v>1.8311563916010161E-4</v>
          </cell>
          <cell r="N833">
            <v>1.8311563916010161E-4</v>
          </cell>
          <cell r="O833">
            <v>1.8311563916010161E-4</v>
          </cell>
          <cell r="P833">
            <v>1.8311563916010161E-4</v>
          </cell>
          <cell r="Q833">
            <v>1.8311563916010161E-4</v>
          </cell>
          <cell r="R833">
            <v>1.8311563916010161E-4</v>
          </cell>
          <cell r="S833">
            <v>1.8311563916010161E-4</v>
          </cell>
          <cell r="T833">
            <v>1.8311563916010161E-4</v>
          </cell>
          <cell r="U833">
            <v>1.8311563916010161E-4</v>
          </cell>
          <cell r="V833">
            <v>1.8311563916010161E-4</v>
          </cell>
          <cell r="W833">
            <v>1.8311563916010161E-4</v>
          </cell>
        </row>
        <row r="834">
          <cell r="A834" t="str">
            <v>ENT_pos_%</v>
          </cell>
          <cell r="G834">
            <v>1.6114834217506629E-4</v>
          </cell>
          <cell r="H834">
            <v>1.8405540012872773E-4</v>
          </cell>
          <cell r="I834">
            <v>1.7260187115189702E-4</v>
          </cell>
          <cell r="J834">
            <v>1.7260187115189702E-4</v>
          </cell>
          <cell r="K834">
            <v>1.7260187115189702E-4</v>
          </cell>
          <cell r="L834">
            <v>1.7260187115189702E-4</v>
          </cell>
          <cell r="M834">
            <v>1.7260187115189702E-4</v>
          </cell>
          <cell r="N834">
            <v>1.7260187115189702E-4</v>
          </cell>
          <cell r="O834">
            <v>1.7260187115189702E-4</v>
          </cell>
          <cell r="P834">
            <v>1.7260187115189702E-4</v>
          </cell>
          <cell r="Q834">
            <v>1.7260187115189702E-4</v>
          </cell>
          <cell r="R834">
            <v>1.7260187115189702E-4</v>
          </cell>
          <cell r="S834">
            <v>1.7260187115189702E-4</v>
          </cell>
          <cell r="T834">
            <v>1.7260187115189702E-4</v>
          </cell>
          <cell r="U834">
            <v>1.7260187115189702E-4</v>
          </cell>
          <cell r="V834">
            <v>1.7260187115189702E-4</v>
          </cell>
          <cell r="W834">
            <v>1.7260187115189702E-4</v>
          </cell>
        </row>
        <row r="835">
          <cell r="A835" t="str">
            <v>Cor_pos_%</v>
          </cell>
          <cell r="G835">
            <v>6.7163272175397706E-5</v>
          </cell>
          <cell r="H835">
            <v>1.1502923117004925E-4</v>
          </cell>
          <cell r="I835">
            <v>9.109625167272347E-5</v>
          </cell>
          <cell r="J835">
            <v>9.109625167272347E-5</v>
          </cell>
          <cell r="K835">
            <v>9.109625167272347E-5</v>
          </cell>
          <cell r="L835">
            <v>9.109625167272347E-5</v>
          </cell>
          <cell r="M835">
            <v>9.109625167272347E-5</v>
          </cell>
          <cell r="N835">
            <v>9.109625167272347E-5</v>
          </cell>
          <cell r="O835">
            <v>9.109625167272347E-5</v>
          </cell>
          <cell r="P835">
            <v>9.109625167272347E-5</v>
          </cell>
          <cell r="Q835">
            <v>9.109625167272347E-5</v>
          </cell>
          <cell r="R835">
            <v>9.109625167272347E-5</v>
          </cell>
          <cell r="S835">
            <v>9.109625167272347E-5</v>
          </cell>
          <cell r="T835">
            <v>9.109625167272347E-5</v>
          </cell>
          <cell r="U835">
            <v>9.109625167272347E-5</v>
          </cell>
          <cell r="V835">
            <v>9.109625167272347E-5</v>
          </cell>
          <cell r="W835">
            <v>9.109625167272347E-5</v>
          </cell>
        </row>
        <row r="836">
          <cell r="A836" t="str">
            <v>Gra_pos_%</v>
          </cell>
          <cell r="G836">
            <v>6.0886638511284162E-5</v>
          </cell>
          <cell r="H836">
            <v>1.5240928968990195E-4</v>
          </cell>
          <cell r="I836">
            <v>1.0664796410059306E-4</v>
          </cell>
          <cell r="J836">
            <v>1.0664796410059306E-4</v>
          </cell>
          <cell r="K836">
            <v>1.0664796410059306E-4</v>
          </cell>
          <cell r="L836">
            <v>1.0664796410059306E-4</v>
          </cell>
          <cell r="M836">
            <v>1.0664796410059306E-4</v>
          </cell>
          <cell r="N836">
            <v>1.0664796410059306E-4</v>
          </cell>
          <cell r="O836">
            <v>1.0664796410059306E-4</v>
          </cell>
          <cell r="P836">
            <v>1.0664796410059306E-4</v>
          </cell>
          <cell r="Q836">
            <v>1.0664796410059306E-4</v>
          </cell>
          <cell r="R836">
            <v>1.0664796410059306E-4</v>
          </cell>
          <cell r="S836">
            <v>1.0664796410059306E-4</v>
          </cell>
          <cell r="T836">
            <v>1.0664796410059306E-4</v>
          </cell>
          <cell r="U836">
            <v>1.0664796410059306E-4</v>
          </cell>
          <cell r="V836">
            <v>1.0664796410059306E-4</v>
          </cell>
          <cell r="W836">
            <v>1.0664796410059306E-4</v>
          </cell>
        </row>
        <row r="837">
          <cell r="A837" t="str">
            <v>FEX_pos_%</v>
          </cell>
          <cell r="G837">
            <v>0</v>
          </cell>
          <cell r="H837">
            <v>0</v>
          </cell>
          <cell r="I837">
            <v>0</v>
          </cell>
          <cell r="J837">
            <v>0</v>
          </cell>
          <cell r="K837">
            <v>0</v>
          </cell>
          <cell r="L837">
            <v>0</v>
          </cell>
          <cell r="M837">
            <v>0</v>
          </cell>
          <cell r="N837">
            <v>0</v>
          </cell>
          <cell r="O837">
            <v>0</v>
          </cell>
          <cell r="P837">
            <v>0</v>
          </cell>
          <cell r="Q837">
            <v>0</v>
          </cell>
          <cell r="R837">
            <v>0</v>
          </cell>
          <cell r="S837">
            <v>0</v>
          </cell>
          <cell r="T837">
            <v>0</v>
          </cell>
          <cell r="U837">
            <v>0</v>
          </cell>
          <cell r="V837">
            <v>0</v>
          </cell>
          <cell r="W837">
            <v>0</v>
          </cell>
        </row>
        <row r="838">
          <cell r="A838" t="str">
            <v>MCL_pos_%</v>
          </cell>
          <cell r="G838">
            <v>0</v>
          </cell>
          <cell r="H838">
            <v>0</v>
          </cell>
          <cell r="I838">
            <v>0</v>
          </cell>
          <cell r="J838">
            <v>0</v>
          </cell>
          <cell r="K838">
            <v>0</v>
          </cell>
          <cell r="L838">
            <v>0</v>
          </cell>
          <cell r="M838">
            <v>0</v>
          </cell>
          <cell r="N838">
            <v>0</v>
          </cell>
          <cell r="O838">
            <v>0</v>
          </cell>
          <cell r="P838">
            <v>0</v>
          </cell>
          <cell r="Q838">
            <v>0</v>
          </cell>
          <cell r="R838">
            <v>0</v>
          </cell>
          <cell r="S838">
            <v>0</v>
          </cell>
          <cell r="T838">
            <v>0</v>
          </cell>
          <cell r="U838">
            <v>0</v>
          </cell>
          <cell r="V838">
            <v>0</v>
          </cell>
          <cell r="W838">
            <v>0</v>
          </cell>
        </row>
        <row r="839">
          <cell r="A839" t="str">
            <v>MCG_pos_%</v>
          </cell>
          <cell r="G839">
            <v>0</v>
          </cell>
          <cell r="H839">
            <v>0</v>
          </cell>
          <cell r="I839">
            <v>0</v>
          </cell>
          <cell r="J839">
            <v>0</v>
          </cell>
          <cell r="K839">
            <v>0</v>
          </cell>
          <cell r="L839">
            <v>0</v>
          </cell>
          <cell r="M839">
            <v>0</v>
          </cell>
          <cell r="N839">
            <v>0</v>
          </cell>
          <cell r="O839">
            <v>0</v>
          </cell>
          <cell r="P839">
            <v>0</v>
          </cell>
          <cell r="Q839">
            <v>0</v>
          </cell>
          <cell r="R839">
            <v>0</v>
          </cell>
          <cell r="S839">
            <v>0</v>
          </cell>
          <cell r="T839">
            <v>0</v>
          </cell>
          <cell r="U839">
            <v>0</v>
          </cell>
          <cell r="V839">
            <v>0</v>
          </cell>
          <cell r="W839">
            <v>0</v>
          </cell>
        </row>
        <row r="840">
          <cell r="A840" t="str">
            <v>MLE_pos_%</v>
          </cell>
          <cell r="G840">
            <v>0</v>
          </cell>
          <cell r="H840">
            <v>0</v>
          </cell>
          <cell r="I840">
            <v>0</v>
          </cell>
          <cell r="J840">
            <v>0</v>
          </cell>
          <cell r="K840">
            <v>0</v>
          </cell>
          <cell r="L840">
            <v>0</v>
          </cell>
          <cell r="M840">
            <v>0</v>
          </cell>
          <cell r="N840">
            <v>0</v>
          </cell>
          <cell r="O840">
            <v>0</v>
          </cell>
          <cell r="P840">
            <v>0</v>
          </cell>
          <cell r="Q840">
            <v>0</v>
          </cell>
          <cell r="R840">
            <v>0</v>
          </cell>
          <cell r="S840">
            <v>0</v>
          </cell>
          <cell r="T840">
            <v>0</v>
          </cell>
          <cell r="U840">
            <v>0</v>
          </cell>
          <cell r="V840">
            <v>0</v>
          </cell>
          <cell r="W840">
            <v>0</v>
          </cell>
        </row>
        <row r="841">
          <cell r="A841" t="str">
            <v>MFA_pos_%</v>
          </cell>
          <cell r="G841">
            <v>0</v>
          </cell>
          <cell r="H841">
            <v>0</v>
          </cell>
          <cell r="I841">
            <v>0</v>
          </cell>
          <cell r="J841">
            <v>0</v>
          </cell>
          <cell r="K841">
            <v>0</v>
          </cell>
          <cell r="L841">
            <v>0</v>
          </cell>
          <cell r="M841">
            <v>0</v>
          </cell>
          <cell r="N841">
            <v>0</v>
          </cell>
          <cell r="O841">
            <v>0</v>
          </cell>
          <cell r="P841">
            <v>0</v>
          </cell>
          <cell r="Q841">
            <v>0</v>
          </cell>
          <cell r="R841">
            <v>0</v>
          </cell>
          <cell r="S841">
            <v>0</v>
          </cell>
          <cell r="T841">
            <v>0</v>
          </cell>
          <cell r="U841">
            <v>0</v>
          </cell>
          <cell r="V841">
            <v>0</v>
          </cell>
          <cell r="W841">
            <v>0</v>
          </cell>
        </row>
        <row r="842">
          <cell r="A842" t="str">
            <v>MBQ_pos_%</v>
          </cell>
          <cell r="G842">
            <v>0</v>
          </cell>
          <cell r="H842">
            <v>0</v>
          </cell>
          <cell r="I842">
            <v>0</v>
          </cell>
          <cell r="J842">
            <v>0</v>
          </cell>
          <cell r="K842">
            <v>0</v>
          </cell>
          <cell r="L842">
            <v>0</v>
          </cell>
          <cell r="M842">
            <v>0</v>
          </cell>
          <cell r="N842">
            <v>0</v>
          </cell>
          <cell r="O842">
            <v>0</v>
          </cell>
          <cell r="P842">
            <v>0</v>
          </cell>
          <cell r="Q842">
            <v>0</v>
          </cell>
          <cell r="R842">
            <v>0</v>
          </cell>
          <cell r="S842">
            <v>0</v>
          </cell>
          <cell r="T842">
            <v>0</v>
          </cell>
          <cell r="U842">
            <v>0</v>
          </cell>
          <cell r="V842">
            <v>0</v>
          </cell>
          <cell r="W842">
            <v>0</v>
          </cell>
        </row>
        <row r="843">
          <cell r="A843" t="str">
            <v>MBG_pos_%</v>
          </cell>
          <cell r="G843">
            <v>0</v>
          </cell>
          <cell r="H843">
            <v>0</v>
          </cell>
          <cell r="I843">
            <v>0</v>
          </cell>
          <cell r="J843">
            <v>0</v>
          </cell>
          <cell r="K843">
            <v>0</v>
          </cell>
          <cell r="L843">
            <v>0</v>
          </cell>
          <cell r="M843">
            <v>0</v>
          </cell>
          <cell r="N843">
            <v>0</v>
          </cell>
          <cell r="O843">
            <v>0</v>
          </cell>
          <cell r="P843">
            <v>0</v>
          </cell>
          <cell r="Q843">
            <v>0</v>
          </cell>
          <cell r="R843">
            <v>0</v>
          </cell>
          <cell r="S843">
            <v>0</v>
          </cell>
          <cell r="T843">
            <v>0</v>
          </cell>
          <cell r="U843">
            <v>0</v>
          </cell>
          <cell r="V843">
            <v>0</v>
          </cell>
          <cell r="W843">
            <v>0</v>
          </cell>
        </row>
        <row r="844">
          <cell r="A844" t="str">
            <v>WID_pos_%</v>
          </cell>
          <cell r="G844">
            <v>0</v>
          </cell>
          <cell r="H844">
            <v>0</v>
          </cell>
          <cell r="I844">
            <v>0</v>
          </cell>
          <cell r="J844">
            <v>0</v>
          </cell>
          <cell r="K844">
            <v>0</v>
          </cell>
          <cell r="L844">
            <v>0</v>
          </cell>
          <cell r="M844">
            <v>0</v>
          </cell>
          <cell r="N844">
            <v>0</v>
          </cell>
          <cell r="O844">
            <v>0</v>
          </cell>
          <cell r="P844">
            <v>0</v>
          </cell>
          <cell r="Q844">
            <v>0</v>
          </cell>
          <cell r="R844">
            <v>0</v>
          </cell>
          <cell r="S844">
            <v>0</v>
          </cell>
          <cell r="T844">
            <v>0</v>
          </cell>
          <cell r="U844">
            <v>0</v>
          </cell>
          <cell r="V844">
            <v>0</v>
          </cell>
          <cell r="W844">
            <v>0</v>
          </cell>
        </row>
        <row r="845">
          <cell r="A845" t="str">
            <v>FIN_pos_%</v>
          </cell>
          <cell r="G845">
            <v>0</v>
          </cell>
          <cell r="H845">
            <v>0</v>
          </cell>
          <cell r="I845">
            <v>0</v>
          </cell>
          <cell r="J845">
            <v>0</v>
          </cell>
          <cell r="K845">
            <v>0</v>
          </cell>
          <cell r="L845">
            <v>0</v>
          </cell>
          <cell r="M845">
            <v>0</v>
          </cell>
          <cell r="N845">
            <v>0</v>
          </cell>
          <cell r="O845">
            <v>0</v>
          </cell>
          <cell r="P845">
            <v>0</v>
          </cell>
          <cell r="Q845">
            <v>0</v>
          </cell>
          <cell r="R845">
            <v>0</v>
          </cell>
          <cell r="S845">
            <v>0</v>
          </cell>
          <cell r="T845">
            <v>0</v>
          </cell>
          <cell r="U845">
            <v>0</v>
          </cell>
          <cell r="V845">
            <v>0</v>
          </cell>
          <cell r="W845">
            <v>0</v>
          </cell>
        </row>
        <row r="846">
          <cell r="A846" t="str">
            <v>ALM_pos_%</v>
          </cell>
          <cell r="G846">
            <v>0</v>
          </cell>
          <cell r="H846">
            <v>0</v>
          </cell>
          <cell r="I846">
            <v>0</v>
          </cell>
          <cell r="J846">
            <v>0</v>
          </cell>
          <cell r="K846">
            <v>0</v>
          </cell>
          <cell r="L846">
            <v>0</v>
          </cell>
          <cell r="M846">
            <v>0</v>
          </cell>
          <cell r="N846">
            <v>0</v>
          </cell>
          <cell r="O846">
            <v>0</v>
          </cell>
          <cell r="P846">
            <v>0</v>
          </cell>
          <cell r="Q846">
            <v>0</v>
          </cell>
          <cell r="R846">
            <v>0</v>
          </cell>
          <cell r="S846">
            <v>0</v>
          </cell>
          <cell r="T846">
            <v>0</v>
          </cell>
          <cell r="U846">
            <v>0</v>
          </cell>
          <cell r="V846">
            <v>0</v>
          </cell>
          <cell r="W846">
            <v>0</v>
          </cell>
        </row>
        <row r="847">
          <cell r="A847" t="str">
            <v>FUO_pos_%</v>
          </cell>
          <cell r="G847">
            <v>0</v>
          </cell>
          <cell r="H847">
            <v>0</v>
          </cell>
          <cell r="I847">
            <v>0</v>
          </cell>
          <cell r="J847">
            <v>0</v>
          </cell>
          <cell r="K847">
            <v>0</v>
          </cell>
          <cell r="L847">
            <v>0</v>
          </cell>
          <cell r="M847">
            <v>0</v>
          </cell>
          <cell r="N847">
            <v>0</v>
          </cell>
          <cell r="O847">
            <v>0</v>
          </cell>
          <cell r="P847">
            <v>0</v>
          </cell>
          <cell r="Q847">
            <v>0</v>
          </cell>
          <cell r="R847">
            <v>0</v>
          </cell>
          <cell r="S847">
            <v>0</v>
          </cell>
          <cell r="T847">
            <v>0</v>
          </cell>
          <cell r="U847">
            <v>0</v>
          </cell>
          <cell r="V847">
            <v>0</v>
          </cell>
          <cell r="W847">
            <v>0</v>
          </cell>
        </row>
        <row r="848">
          <cell r="A848" t="str">
            <v>XXX_pos_%</v>
          </cell>
          <cell r="G848">
            <v>0</v>
          </cell>
          <cell r="H848">
            <v>0</v>
          </cell>
          <cell r="I848">
            <v>0</v>
          </cell>
          <cell r="J848">
            <v>0</v>
          </cell>
          <cell r="K848">
            <v>0</v>
          </cell>
          <cell r="L848">
            <v>0</v>
          </cell>
          <cell r="M848">
            <v>0</v>
          </cell>
          <cell r="N848">
            <v>0</v>
          </cell>
          <cell r="O848">
            <v>0</v>
          </cell>
          <cell r="P848">
            <v>0</v>
          </cell>
          <cell r="Q848">
            <v>0</v>
          </cell>
          <cell r="R848">
            <v>0</v>
          </cell>
          <cell r="S848">
            <v>0</v>
          </cell>
          <cell r="T848">
            <v>0</v>
          </cell>
          <cell r="U848">
            <v>0</v>
          </cell>
          <cell r="V848">
            <v>0</v>
          </cell>
          <cell r="W848">
            <v>0</v>
          </cell>
        </row>
        <row r="849">
          <cell r="G849">
            <v>0</v>
          </cell>
          <cell r="H849">
            <v>0</v>
          </cell>
          <cell r="I849">
            <v>0</v>
          </cell>
          <cell r="J849">
            <v>0</v>
          </cell>
          <cell r="K849">
            <v>0</v>
          </cell>
          <cell r="L849">
            <v>0</v>
          </cell>
          <cell r="M849">
            <v>0</v>
          </cell>
          <cell r="N849">
            <v>0</v>
          </cell>
          <cell r="O849">
            <v>0</v>
          </cell>
          <cell r="P849">
            <v>0</v>
          </cell>
          <cell r="Q849">
            <v>0</v>
          </cell>
          <cell r="R849">
            <v>0</v>
          </cell>
          <cell r="S849">
            <v>0</v>
          </cell>
          <cell r="T849">
            <v>0</v>
          </cell>
          <cell r="U849">
            <v>0</v>
          </cell>
          <cell r="V849">
            <v>0</v>
          </cell>
          <cell r="W849">
            <v>0</v>
          </cell>
        </row>
        <row r="850">
          <cell r="A850" t="str">
            <v>Val_atm_%</v>
          </cell>
          <cell r="G850">
            <v>1.1252560638093418E-3</v>
          </cell>
          <cell r="H850">
            <v>1.0307290266512166E-3</v>
          </cell>
          <cell r="I850">
            <v>1.0779925452302792E-3</v>
          </cell>
          <cell r="J850">
            <v>1.0779925452302792E-3</v>
          </cell>
          <cell r="K850">
            <v>1.0779925452302792E-3</v>
          </cell>
          <cell r="L850">
            <v>1.0779925452302792E-3</v>
          </cell>
          <cell r="M850">
            <v>1.0779925452302792E-3</v>
          </cell>
          <cell r="N850">
            <v>1.0779925452302792E-3</v>
          </cell>
          <cell r="O850">
            <v>1.0779925452302792E-3</v>
          </cell>
          <cell r="P850">
            <v>1.0779925452302792E-3</v>
          </cell>
          <cell r="Q850">
            <v>1.0779925452302792E-3</v>
          </cell>
          <cell r="R850">
            <v>1.0779925452302792E-3</v>
          </cell>
          <cell r="S850">
            <v>1.0779925452302792E-3</v>
          </cell>
          <cell r="T850">
            <v>1.0779925452302792E-3</v>
          </cell>
          <cell r="U850">
            <v>1.0779925452302792E-3</v>
          </cell>
          <cell r="V850">
            <v>1.0779925452302792E-3</v>
          </cell>
          <cell r="W850">
            <v>1.0779925452302792E-3</v>
          </cell>
          <cell r="Y850">
            <v>0</v>
          </cell>
          <cell r="Z850">
            <v>0</v>
          </cell>
        </row>
        <row r="851">
          <cell r="A851" t="str">
            <v>Pre_atm_%</v>
          </cell>
          <cell r="G851">
            <v>0</v>
          </cell>
          <cell r="H851">
            <v>0</v>
          </cell>
          <cell r="I851">
            <v>0</v>
          </cell>
          <cell r="J851">
            <v>0</v>
          </cell>
          <cell r="K851">
            <v>0</v>
          </cell>
          <cell r="L851">
            <v>0</v>
          </cell>
          <cell r="M851">
            <v>0</v>
          </cell>
          <cell r="N851">
            <v>0</v>
          </cell>
          <cell r="O851">
            <v>0</v>
          </cell>
          <cell r="P851">
            <v>0</v>
          </cell>
          <cell r="Q851">
            <v>0</v>
          </cell>
          <cell r="R851">
            <v>0</v>
          </cell>
          <cell r="S851">
            <v>0</v>
          </cell>
          <cell r="T851">
            <v>0</v>
          </cell>
          <cell r="U851">
            <v>0</v>
          </cell>
          <cell r="V851">
            <v>0</v>
          </cell>
          <cell r="W851">
            <v>0</v>
          </cell>
        </row>
        <row r="852">
          <cell r="A852" t="str">
            <v>Sma_atm_%</v>
          </cell>
          <cell r="G852">
            <v>0</v>
          </cell>
          <cell r="H852">
            <v>0</v>
          </cell>
          <cell r="I852">
            <v>0</v>
          </cell>
          <cell r="J852">
            <v>0</v>
          </cell>
          <cell r="K852">
            <v>0</v>
          </cell>
          <cell r="L852">
            <v>0</v>
          </cell>
          <cell r="M852">
            <v>0</v>
          </cell>
          <cell r="N852">
            <v>0</v>
          </cell>
          <cell r="O852">
            <v>0</v>
          </cell>
          <cell r="P852">
            <v>0</v>
          </cell>
          <cell r="Q852">
            <v>0</v>
          </cell>
          <cell r="R852">
            <v>0</v>
          </cell>
          <cell r="S852">
            <v>0</v>
          </cell>
          <cell r="T852">
            <v>0</v>
          </cell>
          <cell r="U852">
            <v>0</v>
          </cell>
          <cell r="V852">
            <v>0</v>
          </cell>
          <cell r="W852">
            <v>0</v>
          </cell>
        </row>
        <row r="853">
          <cell r="A853" t="str">
            <v>Pri_atm_%</v>
          </cell>
          <cell r="G853">
            <v>0</v>
          </cell>
          <cell r="H853">
            <v>0</v>
          </cell>
          <cell r="I853">
            <v>0</v>
          </cell>
          <cell r="J853">
            <v>0</v>
          </cell>
          <cell r="K853">
            <v>0</v>
          </cell>
          <cell r="L853">
            <v>0</v>
          </cell>
          <cell r="M853">
            <v>0</v>
          </cell>
          <cell r="N853">
            <v>0</v>
          </cell>
          <cell r="O853">
            <v>0</v>
          </cell>
          <cell r="P853">
            <v>0</v>
          </cell>
          <cell r="Q853">
            <v>0</v>
          </cell>
          <cell r="R853">
            <v>0</v>
          </cell>
          <cell r="S853">
            <v>0</v>
          </cell>
          <cell r="T853">
            <v>0</v>
          </cell>
          <cell r="U853">
            <v>0</v>
          </cell>
          <cell r="V853">
            <v>0</v>
          </cell>
          <cell r="W853">
            <v>0</v>
          </cell>
        </row>
        <row r="854">
          <cell r="A854" t="str">
            <v>Fam_atm_%</v>
          </cell>
          <cell r="G854">
            <v>0</v>
          </cell>
          <cell r="H854">
            <v>0</v>
          </cell>
          <cell r="I854">
            <v>0</v>
          </cell>
          <cell r="J854">
            <v>0</v>
          </cell>
          <cell r="K854">
            <v>0</v>
          </cell>
          <cell r="L854">
            <v>0</v>
          </cell>
          <cell r="M854">
            <v>0</v>
          </cell>
          <cell r="N854">
            <v>0</v>
          </cell>
          <cell r="O854">
            <v>0</v>
          </cell>
          <cell r="P854">
            <v>0</v>
          </cell>
          <cell r="Q854">
            <v>0</v>
          </cell>
          <cell r="R854">
            <v>0</v>
          </cell>
          <cell r="S854">
            <v>0</v>
          </cell>
          <cell r="T854">
            <v>0</v>
          </cell>
          <cell r="U854">
            <v>0</v>
          </cell>
          <cell r="V854">
            <v>0</v>
          </cell>
          <cell r="W854">
            <v>0</v>
          </cell>
        </row>
        <row r="855">
          <cell r="A855" t="str">
            <v>PMI_atm_%</v>
          </cell>
          <cell r="G855">
            <v>0</v>
          </cell>
          <cell r="H855">
            <v>0</v>
          </cell>
          <cell r="I855">
            <v>0</v>
          </cell>
          <cell r="J855">
            <v>0</v>
          </cell>
          <cell r="K855">
            <v>0</v>
          </cell>
          <cell r="L855">
            <v>0</v>
          </cell>
          <cell r="M855">
            <v>0</v>
          </cell>
          <cell r="N855">
            <v>0</v>
          </cell>
          <cell r="O855">
            <v>0</v>
          </cell>
          <cell r="P855">
            <v>0</v>
          </cell>
          <cell r="Q855">
            <v>0</v>
          </cell>
          <cell r="R855">
            <v>0</v>
          </cell>
          <cell r="S855">
            <v>0</v>
          </cell>
          <cell r="T855">
            <v>0</v>
          </cell>
          <cell r="U855">
            <v>0</v>
          </cell>
          <cell r="V855">
            <v>0</v>
          </cell>
          <cell r="W855">
            <v>0</v>
          </cell>
        </row>
        <row r="856">
          <cell r="A856" t="str">
            <v>ENT_atm_%</v>
          </cell>
          <cell r="G856">
            <v>0</v>
          </cell>
          <cell r="H856">
            <v>0</v>
          </cell>
          <cell r="I856">
            <v>0</v>
          </cell>
          <cell r="J856">
            <v>0</v>
          </cell>
          <cell r="K856">
            <v>0</v>
          </cell>
          <cell r="L856">
            <v>0</v>
          </cell>
          <cell r="M856">
            <v>0</v>
          </cell>
          <cell r="N856">
            <v>0</v>
          </cell>
          <cell r="O856">
            <v>0</v>
          </cell>
          <cell r="P856">
            <v>0</v>
          </cell>
          <cell r="Q856">
            <v>0</v>
          </cell>
          <cell r="R856">
            <v>0</v>
          </cell>
          <cell r="S856">
            <v>0</v>
          </cell>
          <cell r="T856">
            <v>0</v>
          </cell>
          <cell r="U856">
            <v>0</v>
          </cell>
          <cell r="V856">
            <v>0</v>
          </cell>
          <cell r="W856">
            <v>0</v>
          </cell>
        </row>
        <row r="857">
          <cell r="A857" t="str">
            <v>Cor_atm_%</v>
          </cell>
          <cell r="G857">
            <v>0</v>
          </cell>
          <cell r="H857">
            <v>0</v>
          </cell>
          <cell r="I857">
            <v>0</v>
          </cell>
          <cell r="J857">
            <v>0</v>
          </cell>
          <cell r="K857">
            <v>0</v>
          </cell>
          <cell r="L857">
            <v>0</v>
          </cell>
          <cell r="M857">
            <v>0</v>
          </cell>
          <cell r="N857">
            <v>0</v>
          </cell>
          <cell r="O857">
            <v>0</v>
          </cell>
          <cell r="P857">
            <v>0</v>
          </cell>
          <cell r="Q857">
            <v>0</v>
          </cell>
          <cell r="R857">
            <v>0</v>
          </cell>
          <cell r="S857">
            <v>0</v>
          </cell>
          <cell r="T857">
            <v>0</v>
          </cell>
          <cell r="U857">
            <v>0</v>
          </cell>
          <cell r="V857">
            <v>0</v>
          </cell>
          <cell r="W857">
            <v>0</v>
          </cell>
        </row>
        <row r="858">
          <cell r="A858" t="str">
            <v>Gra_atm_%</v>
          </cell>
          <cell r="G858">
            <v>9.0331243401759517E-4</v>
          </cell>
          <cell r="H858">
            <v>8.9089798219584568E-4</v>
          </cell>
          <cell r="I858">
            <v>8.9710520810672048E-4</v>
          </cell>
          <cell r="J858">
            <v>8.9710520810672048E-4</v>
          </cell>
          <cell r="K858">
            <v>8.9710520810672048E-4</v>
          </cell>
          <cell r="L858">
            <v>8.9710520810672048E-4</v>
          </cell>
          <cell r="M858">
            <v>8.9710520810672048E-4</v>
          </cell>
          <cell r="N858">
            <v>8.9710520810672048E-4</v>
          </cell>
          <cell r="O858">
            <v>8.9710520810672048E-4</v>
          </cell>
          <cell r="P858">
            <v>8.9710520810672048E-4</v>
          </cell>
          <cell r="Q858">
            <v>8.9710520810672048E-4</v>
          </cell>
          <cell r="R858">
            <v>8.9710520810672048E-4</v>
          </cell>
          <cell r="S858">
            <v>8.9710520810672048E-4</v>
          </cell>
          <cell r="T858">
            <v>8.9710520810672048E-4</v>
          </cell>
          <cell r="U858">
            <v>8.9710520810672048E-4</v>
          </cell>
          <cell r="V858">
            <v>8.9710520810672048E-4</v>
          </cell>
          <cell r="W858">
            <v>8.9710520810672048E-4</v>
          </cell>
        </row>
        <row r="859">
          <cell r="A859" t="str">
            <v>FEX_atm_%</v>
          </cell>
          <cell r="G859">
            <v>0</v>
          </cell>
          <cell r="H859">
            <v>0</v>
          </cell>
          <cell r="I859">
            <v>0</v>
          </cell>
          <cell r="J859">
            <v>0</v>
          </cell>
          <cell r="K859">
            <v>0</v>
          </cell>
          <cell r="L859">
            <v>0</v>
          </cell>
          <cell r="M859">
            <v>0</v>
          </cell>
          <cell r="N859">
            <v>0</v>
          </cell>
          <cell r="O859">
            <v>0</v>
          </cell>
          <cell r="P859">
            <v>0</v>
          </cell>
          <cell r="Q859">
            <v>0</v>
          </cell>
          <cell r="R859">
            <v>0</v>
          </cell>
          <cell r="S859">
            <v>0</v>
          </cell>
          <cell r="T859">
            <v>0</v>
          </cell>
          <cell r="U859">
            <v>0</v>
          </cell>
          <cell r="V859">
            <v>0</v>
          </cell>
          <cell r="W859">
            <v>0</v>
          </cell>
        </row>
        <row r="860">
          <cell r="A860" t="str">
            <v>MCL_atm_%</v>
          </cell>
          <cell r="G860">
            <v>0</v>
          </cell>
          <cell r="H860">
            <v>0</v>
          </cell>
          <cell r="I860">
            <v>0</v>
          </cell>
          <cell r="J860">
            <v>0</v>
          </cell>
          <cell r="K860">
            <v>0</v>
          </cell>
          <cell r="L860">
            <v>0</v>
          </cell>
          <cell r="M860">
            <v>0</v>
          </cell>
          <cell r="N860">
            <v>0</v>
          </cell>
          <cell r="O860">
            <v>0</v>
          </cell>
          <cell r="P860">
            <v>0</v>
          </cell>
          <cell r="Q860">
            <v>0</v>
          </cell>
          <cell r="R860">
            <v>0</v>
          </cell>
          <cell r="S860">
            <v>0</v>
          </cell>
          <cell r="T860">
            <v>0</v>
          </cell>
          <cell r="U860">
            <v>0</v>
          </cell>
          <cell r="V860">
            <v>0</v>
          </cell>
          <cell r="W860">
            <v>0</v>
          </cell>
        </row>
        <row r="861">
          <cell r="A861" t="str">
            <v>MCG_atm_%</v>
          </cell>
          <cell r="G861">
            <v>0</v>
          </cell>
          <cell r="H861">
            <v>0</v>
          </cell>
          <cell r="I861">
            <v>0</v>
          </cell>
          <cell r="J861">
            <v>0</v>
          </cell>
          <cell r="K861">
            <v>0</v>
          </cell>
          <cell r="L861">
            <v>0</v>
          </cell>
          <cell r="M861">
            <v>0</v>
          </cell>
          <cell r="N861">
            <v>0</v>
          </cell>
          <cell r="O861">
            <v>0</v>
          </cell>
          <cell r="P861">
            <v>0</v>
          </cell>
          <cell r="Q861">
            <v>0</v>
          </cell>
          <cell r="R861">
            <v>0</v>
          </cell>
          <cell r="S861">
            <v>0</v>
          </cell>
          <cell r="T861">
            <v>0</v>
          </cell>
          <cell r="U861">
            <v>0</v>
          </cell>
          <cell r="V861">
            <v>0</v>
          </cell>
          <cell r="W861">
            <v>0</v>
          </cell>
        </row>
        <row r="862">
          <cell r="A862" t="str">
            <v>MLE_atm_%</v>
          </cell>
          <cell r="G862">
            <v>0</v>
          </cell>
          <cell r="H862">
            <v>0</v>
          </cell>
          <cell r="I862">
            <v>0</v>
          </cell>
          <cell r="J862">
            <v>0</v>
          </cell>
          <cell r="K862">
            <v>0</v>
          </cell>
          <cell r="L862">
            <v>0</v>
          </cell>
          <cell r="M862">
            <v>0</v>
          </cell>
          <cell r="N862">
            <v>0</v>
          </cell>
          <cell r="O862">
            <v>0</v>
          </cell>
          <cell r="P862">
            <v>0</v>
          </cell>
          <cell r="Q862">
            <v>0</v>
          </cell>
          <cell r="R862">
            <v>0</v>
          </cell>
          <cell r="S862">
            <v>0</v>
          </cell>
          <cell r="T862">
            <v>0</v>
          </cell>
          <cell r="U862">
            <v>0</v>
          </cell>
          <cell r="V862">
            <v>0</v>
          </cell>
          <cell r="W862">
            <v>0</v>
          </cell>
        </row>
        <row r="863">
          <cell r="A863" t="str">
            <v>MFA_atm_%</v>
          </cell>
          <cell r="G863">
            <v>0</v>
          </cell>
          <cell r="H863">
            <v>0</v>
          </cell>
          <cell r="I863">
            <v>0</v>
          </cell>
          <cell r="J863">
            <v>0</v>
          </cell>
          <cell r="K863">
            <v>0</v>
          </cell>
          <cell r="L863">
            <v>0</v>
          </cell>
          <cell r="M863">
            <v>0</v>
          </cell>
          <cell r="N863">
            <v>0</v>
          </cell>
          <cell r="O863">
            <v>0</v>
          </cell>
          <cell r="P863">
            <v>0</v>
          </cell>
          <cell r="Q863">
            <v>0</v>
          </cell>
          <cell r="R863">
            <v>0</v>
          </cell>
          <cell r="S863">
            <v>0</v>
          </cell>
          <cell r="T863">
            <v>0</v>
          </cell>
          <cell r="U863">
            <v>0</v>
          </cell>
          <cell r="V863">
            <v>0</v>
          </cell>
          <cell r="W863">
            <v>0</v>
          </cell>
        </row>
        <row r="864">
          <cell r="A864" t="str">
            <v>MBQ_atm_%</v>
          </cell>
          <cell r="G864">
            <v>0</v>
          </cell>
          <cell r="H864">
            <v>0</v>
          </cell>
          <cell r="I864">
            <v>0</v>
          </cell>
          <cell r="J864">
            <v>0</v>
          </cell>
          <cell r="K864">
            <v>0</v>
          </cell>
          <cell r="L864">
            <v>0</v>
          </cell>
          <cell r="M864">
            <v>0</v>
          </cell>
          <cell r="N864">
            <v>0</v>
          </cell>
          <cell r="O864">
            <v>0</v>
          </cell>
          <cell r="P864">
            <v>0</v>
          </cell>
          <cell r="Q864">
            <v>0</v>
          </cell>
          <cell r="R864">
            <v>0</v>
          </cell>
          <cell r="S864">
            <v>0</v>
          </cell>
          <cell r="T864">
            <v>0</v>
          </cell>
          <cell r="U864">
            <v>0</v>
          </cell>
          <cell r="V864">
            <v>0</v>
          </cell>
          <cell r="W864">
            <v>0</v>
          </cell>
        </row>
        <row r="865">
          <cell r="A865" t="str">
            <v>MBG_atm_%</v>
          </cell>
          <cell r="G865">
            <v>0</v>
          </cell>
          <cell r="H865">
            <v>0</v>
          </cell>
          <cell r="I865">
            <v>0</v>
          </cell>
          <cell r="J865">
            <v>0</v>
          </cell>
          <cell r="K865">
            <v>0</v>
          </cell>
          <cell r="L865">
            <v>0</v>
          </cell>
          <cell r="M865">
            <v>0</v>
          </cell>
          <cell r="N865">
            <v>0</v>
          </cell>
          <cell r="O865">
            <v>0</v>
          </cell>
          <cell r="P865">
            <v>0</v>
          </cell>
          <cell r="Q865">
            <v>0</v>
          </cell>
          <cell r="R865">
            <v>0</v>
          </cell>
          <cell r="S865">
            <v>0</v>
          </cell>
          <cell r="T865">
            <v>0</v>
          </cell>
          <cell r="U865">
            <v>0</v>
          </cell>
          <cell r="V865">
            <v>0</v>
          </cell>
          <cell r="W865">
            <v>0</v>
          </cell>
        </row>
        <row r="866">
          <cell r="A866" t="str">
            <v>WID_atm_%</v>
          </cell>
          <cell r="G866">
            <v>0</v>
          </cell>
          <cell r="H866">
            <v>0</v>
          </cell>
          <cell r="I866">
            <v>0</v>
          </cell>
          <cell r="J866">
            <v>0</v>
          </cell>
          <cell r="K866">
            <v>0</v>
          </cell>
          <cell r="L866">
            <v>0</v>
          </cell>
          <cell r="M866">
            <v>0</v>
          </cell>
          <cell r="N866">
            <v>0</v>
          </cell>
          <cell r="O866">
            <v>0</v>
          </cell>
          <cell r="P866">
            <v>0</v>
          </cell>
          <cell r="Q866">
            <v>0</v>
          </cell>
          <cell r="R866">
            <v>0</v>
          </cell>
          <cell r="S866">
            <v>0</v>
          </cell>
          <cell r="T866">
            <v>0</v>
          </cell>
          <cell r="U866">
            <v>0</v>
          </cell>
          <cell r="V866">
            <v>0</v>
          </cell>
          <cell r="W866">
            <v>0</v>
          </cell>
        </row>
        <row r="867">
          <cell r="A867" t="str">
            <v>FIN_atm_%</v>
          </cell>
          <cell r="G867">
            <v>0</v>
          </cell>
          <cell r="H867">
            <v>0</v>
          </cell>
          <cell r="I867">
            <v>0</v>
          </cell>
          <cell r="J867">
            <v>0</v>
          </cell>
          <cell r="K867">
            <v>0</v>
          </cell>
          <cell r="L867">
            <v>0</v>
          </cell>
          <cell r="M867">
            <v>0</v>
          </cell>
          <cell r="N867">
            <v>0</v>
          </cell>
          <cell r="O867">
            <v>0</v>
          </cell>
          <cell r="P867">
            <v>0</v>
          </cell>
          <cell r="Q867">
            <v>0</v>
          </cell>
          <cell r="R867">
            <v>0</v>
          </cell>
          <cell r="S867">
            <v>0</v>
          </cell>
          <cell r="T867">
            <v>0</v>
          </cell>
          <cell r="U867">
            <v>0</v>
          </cell>
          <cell r="V867">
            <v>0</v>
          </cell>
          <cell r="W867">
            <v>0</v>
          </cell>
        </row>
        <row r="868">
          <cell r="A868" t="str">
            <v>ALM_atm_%</v>
          </cell>
          <cell r="G868">
            <v>0</v>
          </cell>
          <cell r="H868">
            <v>0</v>
          </cell>
          <cell r="I868">
            <v>0</v>
          </cell>
          <cell r="J868">
            <v>0</v>
          </cell>
          <cell r="K868">
            <v>0</v>
          </cell>
          <cell r="L868">
            <v>0</v>
          </cell>
          <cell r="M868">
            <v>0</v>
          </cell>
          <cell r="N868">
            <v>0</v>
          </cell>
          <cell r="O868">
            <v>0</v>
          </cell>
          <cell r="P868">
            <v>0</v>
          </cell>
          <cell r="Q868">
            <v>0</v>
          </cell>
          <cell r="R868">
            <v>0</v>
          </cell>
          <cell r="S868">
            <v>0</v>
          </cell>
          <cell r="T868">
            <v>0</v>
          </cell>
          <cell r="U868">
            <v>0</v>
          </cell>
          <cell r="V868">
            <v>0</v>
          </cell>
          <cell r="W868">
            <v>0</v>
          </cell>
        </row>
        <row r="869">
          <cell r="A869" t="str">
            <v>FUO_atm_%</v>
          </cell>
          <cell r="G869">
            <v>0</v>
          </cell>
          <cell r="H869">
            <v>0</v>
          </cell>
          <cell r="I869">
            <v>0</v>
          </cell>
          <cell r="J869">
            <v>0</v>
          </cell>
          <cell r="K869">
            <v>0</v>
          </cell>
          <cell r="L869">
            <v>0</v>
          </cell>
          <cell r="M869">
            <v>0</v>
          </cell>
          <cell r="N869">
            <v>0</v>
          </cell>
          <cell r="O869">
            <v>0</v>
          </cell>
          <cell r="P869">
            <v>0</v>
          </cell>
          <cell r="Q869">
            <v>0</v>
          </cell>
          <cell r="R869">
            <v>0</v>
          </cell>
          <cell r="S869">
            <v>0</v>
          </cell>
          <cell r="T869">
            <v>0</v>
          </cell>
          <cell r="U869">
            <v>0</v>
          </cell>
          <cell r="V869">
            <v>0</v>
          </cell>
          <cell r="W869">
            <v>0</v>
          </cell>
        </row>
        <row r="870">
          <cell r="A870" t="str">
            <v>XXX_atm_%</v>
          </cell>
          <cell r="G870">
            <v>0</v>
          </cell>
          <cell r="H870">
            <v>0</v>
          </cell>
          <cell r="I870">
            <v>0</v>
          </cell>
          <cell r="J870">
            <v>0</v>
          </cell>
          <cell r="K870">
            <v>0</v>
          </cell>
          <cell r="L870">
            <v>0</v>
          </cell>
          <cell r="M870">
            <v>0</v>
          </cell>
          <cell r="N870">
            <v>0</v>
          </cell>
          <cell r="O870">
            <v>0</v>
          </cell>
          <cell r="P870">
            <v>0</v>
          </cell>
          <cell r="Q870">
            <v>0</v>
          </cell>
          <cell r="R870">
            <v>0</v>
          </cell>
          <cell r="S870">
            <v>0</v>
          </cell>
          <cell r="T870">
            <v>0</v>
          </cell>
          <cell r="U870">
            <v>0</v>
          </cell>
          <cell r="V870">
            <v>0</v>
          </cell>
          <cell r="W870">
            <v>0</v>
          </cell>
        </row>
        <row r="871">
          <cell r="G871">
            <v>0</v>
          </cell>
          <cell r="H871">
            <v>0</v>
          </cell>
          <cell r="I871">
            <v>0</v>
          </cell>
          <cell r="J871">
            <v>0</v>
          </cell>
          <cell r="K871">
            <v>0</v>
          </cell>
          <cell r="L871">
            <v>0</v>
          </cell>
          <cell r="M871">
            <v>0</v>
          </cell>
          <cell r="N871">
            <v>0</v>
          </cell>
          <cell r="O871">
            <v>0</v>
          </cell>
          <cell r="P871">
            <v>0</v>
          </cell>
          <cell r="Q871">
            <v>0</v>
          </cell>
          <cell r="R871">
            <v>0</v>
          </cell>
          <cell r="S871">
            <v>0</v>
          </cell>
          <cell r="T871">
            <v>0</v>
          </cell>
          <cell r="U871">
            <v>0</v>
          </cell>
          <cell r="V871">
            <v>0</v>
          </cell>
          <cell r="W871">
            <v>0</v>
          </cell>
        </row>
        <row r="872">
          <cell r="A872" t="str">
            <v>Val_debit_%</v>
          </cell>
          <cell r="G872">
            <v>4.0994746724116384E-6</v>
          </cell>
          <cell r="H872">
            <v>3.8003463003596143E-6</v>
          </cell>
          <cell r="I872">
            <v>3.9499104863856264E-6</v>
          </cell>
          <cell r="J872">
            <v>3.9499104863856264E-6</v>
          </cell>
          <cell r="K872">
            <v>3.9499104863856264E-6</v>
          </cell>
          <cell r="L872">
            <v>3.9499104863856264E-6</v>
          </cell>
          <cell r="M872">
            <v>3.9499104863856264E-6</v>
          </cell>
          <cell r="N872">
            <v>3.9499104863856264E-6</v>
          </cell>
          <cell r="O872">
            <v>3.9499104863856264E-6</v>
          </cell>
          <cell r="P872">
            <v>3.9499104863856264E-6</v>
          </cell>
          <cell r="Q872">
            <v>3.9499104863856264E-6</v>
          </cell>
          <cell r="R872">
            <v>3.9499104863856264E-6</v>
          </cell>
          <cell r="S872">
            <v>3.9499104863856264E-6</v>
          </cell>
          <cell r="T872">
            <v>3.9499104863856264E-6</v>
          </cell>
          <cell r="U872">
            <v>3.9499104863856264E-6</v>
          </cell>
          <cell r="V872">
            <v>3.9499104863856264E-6</v>
          </cell>
          <cell r="W872">
            <v>3.9499104863856264E-6</v>
          </cell>
          <cell r="Y872">
            <v>0</v>
          </cell>
          <cell r="Z872">
            <v>0</v>
          </cell>
        </row>
        <row r="873">
          <cell r="A873" t="str">
            <v>Pre_debit_%</v>
          </cell>
          <cell r="G873">
            <v>3.1852659427606988E-6</v>
          </cell>
          <cell r="H873">
            <v>3.0702674461549549E-6</v>
          </cell>
          <cell r="I873">
            <v>3.1277666944578268E-6</v>
          </cell>
          <cell r="J873">
            <v>3.1277666944578268E-6</v>
          </cell>
          <cell r="K873">
            <v>3.1277666944578268E-6</v>
          </cell>
          <cell r="L873">
            <v>3.1277666944578268E-6</v>
          </cell>
          <cell r="M873">
            <v>3.1277666944578268E-6</v>
          </cell>
          <cell r="N873">
            <v>3.1277666944578268E-6</v>
          </cell>
          <cell r="O873">
            <v>3.1277666944578268E-6</v>
          </cell>
          <cell r="P873">
            <v>3.1277666944578268E-6</v>
          </cell>
          <cell r="Q873">
            <v>3.1277666944578268E-6</v>
          </cell>
          <cell r="R873">
            <v>3.1277666944578268E-6</v>
          </cell>
          <cell r="S873">
            <v>3.1277666944578268E-6</v>
          </cell>
          <cell r="T873">
            <v>3.1277666944578268E-6</v>
          </cell>
          <cell r="U873">
            <v>3.1277666944578268E-6</v>
          </cell>
          <cell r="V873">
            <v>3.1277666944578268E-6</v>
          </cell>
          <cell r="W873">
            <v>3.1277666944578268E-6</v>
          </cell>
        </row>
        <row r="874">
          <cell r="A874" t="str">
            <v>Sma_debit_%</v>
          </cell>
          <cell r="G874">
            <v>3.6679159936590492E-6</v>
          </cell>
          <cell r="H874">
            <v>3.8016374904617443E-6</v>
          </cell>
          <cell r="I874">
            <v>3.7347767420603968E-6</v>
          </cell>
          <cell r="J874">
            <v>3.7347767420603968E-6</v>
          </cell>
          <cell r="K874">
            <v>3.7347767420603968E-6</v>
          </cell>
          <cell r="L874">
            <v>3.7347767420603968E-6</v>
          </cell>
          <cell r="M874">
            <v>3.7347767420603968E-6</v>
          </cell>
          <cell r="N874">
            <v>3.7347767420603968E-6</v>
          </cell>
          <cell r="O874">
            <v>3.7347767420603968E-6</v>
          </cell>
          <cell r="P874">
            <v>3.7347767420603968E-6</v>
          </cell>
          <cell r="Q874">
            <v>3.7347767420603968E-6</v>
          </cell>
          <cell r="R874">
            <v>3.7347767420603968E-6</v>
          </cell>
          <cell r="S874">
            <v>3.7347767420603968E-6</v>
          </cell>
          <cell r="T874">
            <v>3.7347767420603968E-6</v>
          </cell>
          <cell r="U874">
            <v>3.7347767420603968E-6</v>
          </cell>
          <cell r="V874">
            <v>3.7347767420603968E-6</v>
          </cell>
          <cell r="W874">
            <v>3.7347767420603968E-6</v>
          </cell>
        </row>
        <row r="875">
          <cell r="A875" t="str">
            <v>Pri_debit_%</v>
          </cell>
          <cell r="G875">
            <v>3.6734370622879991E-6</v>
          </cell>
          <cell r="H875">
            <v>3.3041257979659197E-6</v>
          </cell>
          <cell r="I875">
            <v>3.4887814301269594E-6</v>
          </cell>
          <cell r="J875">
            <v>3.4887814301269594E-6</v>
          </cell>
          <cell r="K875">
            <v>3.4887814301269594E-6</v>
          </cell>
          <cell r="L875">
            <v>3.4887814301269594E-6</v>
          </cell>
          <cell r="M875">
            <v>3.4887814301269594E-6</v>
          </cell>
          <cell r="N875">
            <v>3.4887814301269594E-6</v>
          </cell>
          <cell r="O875">
            <v>3.4887814301269594E-6</v>
          </cell>
          <cell r="P875">
            <v>3.4887814301269594E-6</v>
          </cell>
          <cell r="Q875">
            <v>3.4887814301269594E-6</v>
          </cell>
          <cell r="R875">
            <v>3.4887814301269594E-6</v>
          </cell>
          <cell r="S875">
            <v>3.4887814301269594E-6</v>
          </cell>
          <cell r="T875">
            <v>3.4887814301269594E-6</v>
          </cell>
          <cell r="U875">
            <v>3.4887814301269594E-6</v>
          </cell>
          <cell r="V875">
            <v>3.4887814301269594E-6</v>
          </cell>
          <cell r="W875">
            <v>3.4887814301269594E-6</v>
          </cell>
        </row>
        <row r="876">
          <cell r="A876" t="str">
            <v>Fam_debit_%</v>
          </cell>
          <cell r="G876">
            <v>4.7192990089436748E-6</v>
          </cell>
          <cell r="H876">
            <v>4.1138161297907365E-6</v>
          </cell>
          <cell r="I876">
            <v>4.4165575693672056E-6</v>
          </cell>
          <cell r="J876">
            <v>4.4165575693672056E-6</v>
          </cell>
          <cell r="K876">
            <v>4.4165575693672056E-6</v>
          </cell>
          <cell r="L876">
            <v>4.4165575693672056E-6</v>
          </cell>
          <cell r="M876">
            <v>4.4165575693672056E-6</v>
          </cell>
          <cell r="N876">
            <v>4.4165575693672056E-6</v>
          </cell>
          <cell r="O876">
            <v>4.4165575693672056E-6</v>
          </cell>
          <cell r="P876">
            <v>4.4165575693672056E-6</v>
          </cell>
          <cell r="Q876">
            <v>4.4165575693672056E-6</v>
          </cell>
          <cell r="R876">
            <v>4.4165575693672056E-6</v>
          </cell>
          <cell r="S876">
            <v>4.4165575693672056E-6</v>
          </cell>
          <cell r="T876">
            <v>4.4165575693672056E-6</v>
          </cell>
          <cell r="U876">
            <v>4.4165575693672056E-6</v>
          </cell>
          <cell r="V876">
            <v>4.4165575693672056E-6</v>
          </cell>
          <cell r="W876">
            <v>4.4165575693672056E-6</v>
          </cell>
        </row>
        <row r="877">
          <cell r="A877" t="str">
            <v>PMI_debit_%</v>
          </cell>
          <cell r="G877">
            <v>3.4497870882482494E-7</v>
          </cell>
          <cell r="H877">
            <v>3.3687394902568501E-7</v>
          </cell>
          <cell r="I877">
            <v>3.4092632892525495E-7</v>
          </cell>
          <cell r="J877">
            <v>3.4092632892525495E-7</v>
          </cell>
          <cell r="K877">
            <v>3.4092632892525495E-7</v>
          </cell>
          <cell r="L877">
            <v>3.4092632892525495E-7</v>
          </cell>
          <cell r="M877">
            <v>3.4092632892525495E-7</v>
          </cell>
          <cell r="N877">
            <v>3.4092632892525495E-7</v>
          </cell>
          <cell r="O877">
            <v>3.4092632892525495E-7</v>
          </cell>
          <cell r="P877">
            <v>3.4092632892525495E-7</v>
          </cell>
          <cell r="Q877">
            <v>3.4092632892525495E-7</v>
          </cell>
          <cell r="R877">
            <v>3.4092632892525495E-7</v>
          </cell>
          <cell r="S877">
            <v>3.4092632892525495E-7</v>
          </cell>
          <cell r="T877">
            <v>3.4092632892525495E-7</v>
          </cell>
          <cell r="U877">
            <v>3.4092632892525495E-7</v>
          </cell>
          <cell r="V877">
            <v>3.4092632892525495E-7</v>
          </cell>
          <cell r="W877">
            <v>3.4092632892525495E-7</v>
          </cell>
        </row>
        <row r="878">
          <cell r="A878" t="str">
            <v>ENT_debit_%</v>
          </cell>
          <cell r="G878">
            <v>1.6762870813397129E-6</v>
          </cell>
          <cell r="H878">
            <v>1.7380688658800867E-6</v>
          </cell>
          <cell r="I878">
            <v>1.7071779736098997E-6</v>
          </cell>
          <cell r="J878">
            <v>1.7071779736098997E-6</v>
          </cell>
          <cell r="K878">
            <v>1.7071779736098997E-6</v>
          </cell>
          <cell r="L878">
            <v>1.7071779736098997E-6</v>
          </cell>
          <cell r="M878">
            <v>1.7071779736098997E-6</v>
          </cell>
          <cell r="N878">
            <v>1.7071779736098997E-6</v>
          </cell>
          <cell r="O878">
            <v>1.7071779736098997E-6</v>
          </cell>
          <cell r="P878">
            <v>1.7071779736098997E-6</v>
          </cell>
          <cell r="Q878">
            <v>1.7071779736098997E-6</v>
          </cell>
          <cell r="R878">
            <v>1.7071779736098997E-6</v>
          </cell>
          <cell r="S878">
            <v>1.7071779736098997E-6</v>
          </cell>
          <cell r="T878">
            <v>1.7071779736098997E-6</v>
          </cell>
          <cell r="U878">
            <v>1.7071779736098997E-6</v>
          </cell>
          <cell r="V878">
            <v>1.7071779736098997E-6</v>
          </cell>
          <cell r="W878">
            <v>1.7071779736098997E-6</v>
          </cell>
        </row>
        <row r="879">
          <cell r="A879" t="str">
            <v>Cor_debit_%</v>
          </cell>
          <cell r="G879">
            <v>2.7114024495428659E-8</v>
          </cell>
          <cell r="H879">
            <v>5.5898681471200548E-8</v>
          </cell>
          <cell r="I879">
            <v>4.15063529833146E-8</v>
          </cell>
          <cell r="J879">
            <v>4.15063529833146E-8</v>
          </cell>
          <cell r="K879">
            <v>4.15063529833146E-8</v>
          </cell>
          <cell r="L879">
            <v>4.15063529833146E-8</v>
          </cell>
          <cell r="M879">
            <v>4.15063529833146E-8</v>
          </cell>
          <cell r="N879">
            <v>4.15063529833146E-8</v>
          </cell>
          <cell r="O879">
            <v>4.15063529833146E-8</v>
          </cell>
          <cell r="P879">
            <v>4.15063529833146E-8</v>
          </cell>
          <cell r="Q879">
            <v>4.15063529833146E-8</v>
          </cell>
          <cell r="R879">
            <v>4.15063529833146E-8</v>
          </cell>
          <cell r="S879">
            <v>4.15063529833146E-8</v>
          </cell>
          <cell r="T879">
            <v>4.15063529833146E-8</v>
          </cell>
          <cell r="U879">
            <v>4.15063529833146E-8</v>
          </cell>
          <cell r="V879">
            <v>4.15063529833146E-8</v>
          </cell>
          <cell r="W879">
            <v>4.15063529833146E-8</v>
          </cell>
        </row>
        <row r="880">
          <cell r="A880" t="str">
            <v>Gra_debit_%</v>
          </cell>
          <cell r="G880">
            <v>2.5542516699765298E-8</v>
          </cell>
          <cell r="H880">
            <v>1.2161107168204401E-8</v>
          </cell>
          <cell r="I880">
            <v>1.8851811933984848E-8</v>
          </cell>
          <cell r="J880">
            <v>1.8851811933984848E-8</v>
          </cell>
          <cell r="K880">
            <v>1.8851811933984848E-8</v>
          </cell>
          <cell r="L880">
            <v>1.8851811933984848E-8</v>
          </cell>
          <cell r="M880">
            <v>1.8851811933984848E-8</v>
          </cell>
          <cell r="N880">
            <v>1.8851811933984848E-8</v>
          </cell>
          <cell r="O880">
            <v>1.8851811933984848E-8</v>
          </cell>
          <cell r="P880">
            <v>1.8851811933984848E-8</v>
          </cell>
          <cell r="Q880">
            <v>1.8851811933984848E-8</v>
          </cell>
          <cell r="R880">
            <v>1.8851811933984848E-8</v>
          </cell>
          <cell r="S880">
            <v>1.8851811933984848E-8</v>
          </cell>
          <cell r="T880">
            <v>1.8851811933984848E-8</v>
          </cell>
          <cell r="U880">
            <v>1.8851811933984848E-8</v>
          </cell>
          <cell r="V880">
            <v>1.8851811933984848E-8</v>
          </cell>
          <cell r="W880">
            <v>1.8851811933984848E-8</v>
          </cell>
        </row>
        <row r="881">
          <cell r="A881" t="str">
            <v>FEX_debit_%</v>
          </cell>
          <cell r="G881">
            <v>0</v>
          </cell>
          <cell r="H881">
            <v>0</v>
          </cell>
          <cell r="I881">
            <v>0</v>
          </cell>
          <cell r="J881">
            <v>0</v>
          </cell>
          <cell r="K881">
            <v>0</v>
          </cell>
          <cell r="L881">
            <v>0</v>
          </cell>
          <cell r="M881">
            <v>0</v>
          </cell>
          <cell r="N881">
            <v>0</v>
          </cell>
          <cell r="O881">
            <v>0</v>
          </cell>
          <cell r="P881">
            <v>0</v>
          </cell>
          <cell r="Q881">
            <v>0</v>
          </cell>
          <cell r="R881">
            <v>0</v>
          </cell>
          <cell r="S881">
            <v>0</v>
          </cell>
          <cell r="T881">
            <v>0</v>
          </cell>
          <cell r="U881">
            <v>0</v>
          </cell>
          <cell r="V881">
            <v>0</v>
          </cell>
          <cell r="W881">
            <v>0</v>
          </cell>
        </row>
        <row r="882">
          <cell r="A882" t="str">
            <v>MCL_debit_%</v>
          </cell>
          <cell r="G882">
            <v>0</v>
          </cell>
          <cell r="H882">
            <v>0</v>
          </cell>
          <cell r="I882">
            <v>0</v>
          </cell>
          <cell r="J882">
            <v>0</v>
          </cell>
          <cell r="K882">
            <v>0</v>
          </cell>
          <cell r="L882">
            <v>0</v>
          </cell>
          <cell r="M882">
            <v>0</v>
          </cell>
          <cell r="N882">
            <v>0</v>
          </cell>
          <cell r="O882">
            <v>0</v>
          </cell>
          <cell r="P882">
            <v>0</v>
          </cell>
          <cell r="Q882">
            <v>0</v>
          </cell>
          <cell r="R882">
            <v>0</v>
          </cell>
          <cell r="S882">
            <v>0</v>
          </cell>
          <cell r="T882">
            <v>0</v>
          </cell>
          <cell r="U882">
            <v>0</v>
          </cell>
          <cell r="V882">
            <v>0</v>
          </cell>
          <cell r="W882">
            <v>0</v>
          </cell>
        </row>
        <row r="883">
          <cell r="A883" t="str">
            <v>MCG_debit_%</v>
          </cell>
          <cell r="G883">
            <v>0</v>
          </cell>
          <cell r="H883">
            <v>0</v>
          </cell>
          <cell r="I883">
            <v>0</v>
          </cell>
          <cell r="J883">
            <v>0</v>
          </cell>
          <cell r="K883">
            <v>0</v>
          </cell>
          <cell r="L883">
            <v>0</v>
          </cell>
          <cell r="M883">
            <v>0</v>
          </cell>
          <cell r="N883">
            <v>0</v>
          </cell>
          <cell r="O883">
            <v>0</v>
          </cell>
          <cell r="P883">
            <v>0</v>
          </cell>
          <cell r="Q883">
            <v>0</v>
          </cell>
          <cell r="R883">
            <v>0</v>
          </cell>
          <cell r="S883">
            <v>0</v>
          </cell>
          <cell r="T883">
            <v>0</v>
          </cell>
          <cell r="U883">
            <v>0</v>
          </cell>
          <cell r="V883">
            <v>0</v>
          </cell>
          <cell r="W883">
            <v>0</v>
          </cell>
        </row>
        <row r="884">
          <cell r="A884" t="str">
            <v>MLE_debit_%</v>
          </cell>
          <cell r="G884">
            <v>0</v>
          </cell>
          <cell r="H884">
            <v>0</v>
          </cell>
          <cell r="I884">
            <v>0</v>
          </cell>
          <cell r="J884">
            <v>0</v>
          </cell>
          <cell r="K884">
            <v>0</v>
          </cell>
          <cell r="L884">
            <v>0</v>
          </cell>
          <cell r="M884">
            <v>0</v>
          </cell>
          <cell r="N884">
            <v>0</v>
          </cell>
          <cell r="O884">
            <v>0</v>
          </cell>
          <cell r="P884">
            <v>0</v>
          </cell>
          <cell r="Q884">
            <v>0</v>
          </cell>
          <cell r="R884">
            <v>0</v>
          </cell>
          <cell r="S884">
            <v>0</v>
          </cell>
          <cell r="T884">
            <v>0</v>
          </cell>
          <cell r="U884">
            <v>0</v>
          </cell>
          <cell r="V884">
            <v>0</v>
          </cell>
          <cell r="W884">
            <v>0</v>
          </cell>
        </row>
        <row r="885">
          <cell r="A885" t="str">
            <v>MFA_debit_%</v>
          </cell>
          <cell r="G885">
            <v>0</v>
          </cell>
          <cell r="H885">
            <v>0</v>
          </cell>
          <cell r="I885">
            <v>0</v>
          </cell>
          <cell r="J885">
            <v>0</v>
          </cell>
          <cell r="K885">
            <v>0</v>
          </cell>
          <cell r="L885">
            <v>0</v>
          </cell>
          <cell r="M885">
            <v>0</v>
          </cell>
          <cell r="N885">
            <v>0</v>
          </cell>
          <cell r="O885">
            <v>0</v>
          </cell>
          <cell r="P885">
            <v>0</v>
          </cell>
          <cell r="Q885">
            <v>0</v>
          </cell>
          <cell r="R885">
            <v>0</v>
          </cell>
          <cell r="S885">
            <v>0</v>
          </cell>
          <cell r="T885">
            <v>0</v>
          </cell>
          <cell r="U885">
            <v>0</v>
          </cell>
          <cell r="V885">
            <v>0</v>
          </cell>
          <cell r="W885">
            <v>0</v>
          </cell>
        </row>
        <row r="886">
          <cell r="A886" t="str">
            <v>MBQ_debit_%</v>
          </cell>
          <cell r="G886">
            <v>0</v>
          </cell>
          <cell r="H886">
            <v>0</v>
          </cell>
          <cell r="I886">
            <v>0</v>
          </cell>
          <cell r="J886">
            <v>0</v>
          </cell>
          <cell r="K886">
            <v>0</v>
          </cell>
          <cell r="L886">
            <v>0</v>
          </cell>
          <cell r="M886">
            <v>0</v>
          </cell>
          <cell r="N886">
            <v>0</v>
          </cell>
          <cell r="O886">
            <v>0</v>
          </cell>
          <cell r="P886">
            <v>0</v>
          </cell>
          <cell r="Q886">
            <v>0</v>
          </cell>
          <cell r="R886">
            <v>0</v>
          </cell>
          <cell r="S886">
            <v>0</v>
          </cell>
          <cell r="T886">
            <v>0</v>
          </cell>
          <cell r="U886">
            <v>0</v>
          </cell>
          <cell r="V886">
            <v>0</v>
          </cell>
          <cell r="W886">
            <v>0</v>
          </cell>
        </row>
        <row r="887">
          <cell r="A887" t="str">
            <v>MBG_debit_%</v>
          </cell>
          <cell r="G887">
            <v>0</v>
          </cell>
          <cell r="H887">
            <v>0</v>
          </cell>
          <cell r="I887">
            <v>0</v>
          </cell>
          <cell r="J887">
            <v>0</v>
          </cell>
          <cell r="K887">
            <v>0</v>
          </cell>
          <cell r="L887">
            <v>0</v>
          </cell>
          <cell r="M887">
            <v>0</v>
          </cell>
          <cell r="N887">
            <v>0</v>
          </cell>
          <cell r="O887">
            <v>0</v>
          </cell>
          <cell r="P887">
            <v>0</v>
          </cell>
          <cell r="Q887">
            <v>0</v>
          </cell>
          <cell r="R887">
            <v>0</v>
          </cell>
          <cell r="S887">
            <v>0</v>
          </cell>
          <cell r="T887">
            <v>0</v>
          </cell>
          <cell r="U887">
            <v>0</v>
          </cell>
          <cell r="V887">
            <v>0</v>
          </cell>
          <cell r="W887">
            <v>0</v>
          </cell>
        </row>
        <row r="888">
          <cell r="A888" t="str">
            <v>WID_debit_%</v>
          </cell>
          <cell r="G888">
            <v>0</v>
          </cell>
          <cell r="H888">
            <v>0</v>
          </cell>
          <cell r="I888">
            <v>0</v>
          </cell>
          <cell r="J888">
            <v>0</v>
          </cell>
          <cell r="K888">
            <v>0</v>
          </cell>
          <cell r="L888">
            <v>0</v>
          </cell>
          <cell r="M888">
            <v>0</v>
          </cell>
          <cell r="N888">
            <v>0</v>
          </cell>
          <cell r="O888">
            <v>0</v>
          </cell>
          <cell r="P888">
            <v>0</v>
          </cell>
          <cell r="Q888">
            <v>0</v>
          </cell>
          <cell r="R888">
            <v>0</v>
          </cell>
          <cell r="S888">
            <v>0</v>
          </cell>
          <cell r="T888">
            <v>0</v>
          </cell>
          <cell r="U888">
            <v>0</v>
          </cell>
          <cell r="V888">
            <v>0</v>
          </cell>
          <cell r="W888">
            <v>0</v>
          </cell>
        </row>
        <row r="889">
          <cell r="A889" t="str">
            <v>FIN_debit_%</v>
          </cell>
          <cell r="G889">
            <v>0</v>
          </cell>
          <cell r="H889">
            <v>0</v>
          </cell>
          <cell r="I889">
            <v>0</v>
          </cell>
          <cell r="J889">
            <v>0</v>
          </cell>
          <cell r="K889">
            <v>0</v>
          </cell>
          <cell r="L889">
            <v>0</v>
          </cell>
          <cell r="M889">
            <v>0</v>
          </cell>
          <cell r="N889">
            <v>0</v>
          </cell>
          <cell r="O889">
            <v>0</v>
          </cell>
          <cell r="P889">
            <v>0</v>
          </cell>
          <cell r="Q889">
            <v>0</v>
          </cell>
          <cell r="R889">
            <v>0</v>
          </cell>
          <cell r="S889">
            <v>0</v>
          </cell>
          <cell r="T889">
            <v>0</v>
          </cell>
          <cell r="U889">
            <v>0</v>
          </cell>
          <cell r="V889">
            <v>0</v>
          </cell>
          <cell r="W889">
            <v>0</v>
          </cell>
        </row>
        <row r="890">
          <cell r="A890" t="str">
            <v>ALM_debit_%</v>
          </cell>
          <cell r="G890">
            <v>0</v>
          </cell>
          <cell r="H890">
            <v>0</v>
          </cell>
          <cell r="I890">
            <v>0</v>
          </cell>
          <cell r="J890">
            <v>0</v>
          </cell>
          <cell r="K890">
            <v>0</v>
          </cell>
          <cell r="L890">
            <v>0</v>
          </cell>
          <cell r="M890">
            <v>0</v>
          </cell>
          <cell r="N890">
            <v>0</v>
          </cell>
          <cell r="O890">
            <v>0</v>
          </cell>
          <cell r="P890">
            <v>0</v>
          </cell>
          <cell r="Q890">
            <v>0</v>
          </cell>
          <cell r="R890">
            <v>0</v>
          </cell>
          <cell r="S890">
            <v>0</v>
          </cell>
          <cell r="T890">
            <v>0</v>
          </cell>
          <cell r="U890">
            <v>0</v>
          </cell>
          <cell r="V890">
            <v>0</v>
          </cell>
          <cell r="W890">
            <v>0</v>
          </cell>
        </row>
        <row r="891">
          <cell r="A891" t="str">
            <v>FUO_debit_%</v>
          </cell>
          <cell r="G891">
            <v>0</v>
          </cell>
          <cell r="H891">
            <v>0</v>
          </cell>
          <cell r="I891">
            <v>0</v>
          </cell>
          <cell r="J891">
            <v>0</v>
          </cell>
          <cell r="K891">
            <v>0</v>
          </cell>
          <cell r="L891">
            <v>0</v>
          </cell>
          <cell r="M891">
            <v>0</v>
          </cell>
          <cell r="N891">
            <v>0</v>
          </cell>
          <cell r="O891">
            <v>0</v>
          </cell>
          <cell r="P891">
            <v>0</v>
          </cell>
          <cell r="Q891">
            <v>0</v>
          </cell>
          <cell r="R891">
            <v>0</v>
          </cell>
          <cell r="S891">
            <v>0</v>
          </cell>
          <cell r="T891">
            <v>0</v>
          </cell>
          <cell r="U891">
            <v>0</v>
          </cell>
          <cell r="V891">
            <v>0</v>
          </cell>
          <cell r="W891">
            <v>0</v>
          </cell>
        </row>
        <row r="892">
          <cell r="A892" t="str">
            <v>XXX_debit_%</v>
          </cell>
          <cell r="G892">
            <v>0</v>
          </cell>
          <cell r="H892">
            <v>0</v>
          </cell>
          <cell r="I892">
            <v>0</v>
          </cell>
          <cell r="J892">
            <v>0</v>
          </cell>
          <cell r="K892">
            <v>0</v>
          </cell>
          <cell r="L892">
            <v>0</v>
          </cell>
          <cell r="M892">
            <v>0</v>
          </cell>
          <cell r="N892">
            <v>0</v>
          </cell>
          <cell r="O892">
            <v>0</v>
          </cell>
          <cell r="P892">
            <v>0</v>
          </cell>
          <cell r="Q892">
            <v>0</v>
          </cell>
          <cell r="R892">
            <v>0</v>
          </cell>
          <cell r="S892">
            <v>0</v>
          </cell>
          <cell r="T892">
            <v>0</v>
          </cell>
          <cell r="U892">
            <v>0</v>
          </cell>
          <cell r="V892">
            <v>0</v>
          </cell>
          <cell r="W892">
            <v>0</v>
          </cell>
        </row>
        <row r="893">
          <cell r="G893">
            <v>0</v>
          </cell>
          <cell r="H893">
            <v>0</v>
          </cell>
          <cell r="I893">
            <v>0</v>
          </cell>
          <cell r="J893">
            <v>0</v>
          </cell>
          <cell r="K893">
            <v>0</v>
          </cell>
          <cell r="L893">
            <v>0</v>
          </cell>
          <cell r="M893">
            <v>0</v>
          </cell>
          <cell r="N893">
            <v>0</v>
          </cell>
          <cell r="O893">
            <v>0</v>
          </cell>
          <cell r="P893">
            <v>0</v>
          </cell>
          <cell r="Q893">
            <v>0</v>
          </cell>
          <cell r="R893">
            <v>0</v>
          </cell>
          <cell r="S893">
            <v>0</v>
          </cell>
          <cell r="T893">
            <v>0</v>
          </cell>
          <cell r="U893">
            <v>0</v>
          </cell>
          <cell r="V893">
            <v>0</v>
          </cell>
          <cell r="W893">
            <v>0</v>
          </cell>
        </row>
        <row r="894">
          <cell r="G894">
            <v>0</v>
          </cell>
          <cell r="H894">
            <v>0</v>
          </cell>
          <cell r="I894">
            <v>0</v>
          </cell>
          <cell r="J894">
            <v>0</v>
          </cell>
          <cell r="K894">
            <v>0</v>
          </cell>
          <cell r="L894">
            <v>0</v>
          </cell>
          <cell r="M894">
            <v>0</v>
          </cell>
          <cell r="N894">
            <v>0</v>
          </cell>
          <cell r="O894">
            <v>0</v>
          </cell>
          <cell r="P894">
            <v>0</v>
          </cell>
          <cell r="Q894">
            <v>0</v>
          </cell>
          <cell r="R894">
            <v>0</v>
          </cell>
          <cell r="S894">
            <v>0</v>
          </cell>
          <cell r="T894">
            <v>0</v>
          </cell>
          <cell r="U894">
            <v>0</v>
          </cell>
          <cell r="V894">
            <v>0</v>
          </cell>
          <cell r="W894">
            <v>0</v>
          </cell>
        </row>
        <row r="895">
          <cell r="A895" t="str">
            <v>Val_credit_%</v>
          </cell>
          <cell r="G895">
            <v>2.8349959691208015E-5</v>
          </cell>
          <cell r="H895">
            <v>2.5917734116170725E-5</v>
          </cell>
          <cell r="I895">
            <v>2.7133846903689368E-5</v>
          </cell>
          <cell r="J895">
            <v>2.7133846903689368E-5</v>
          </cell>
          <cell r="K895">
            <v>2.7133846903689368E-5</v>
          </cell>
          <cell r="L895">
            <v>2.7133846903689368E-5</v>
          </cell>
          <cell r="M895">
            <v>2.7133846903689368E-5</v>
          </cell>
          <cell r="N895">
            <v>2.7133846903689368E-5</v>
          </cell>
          <cell r="O895">
            <v>2.7133846903689368E-5</v>
          </cell>
          <cell r="P895">
            <v>2.7133846903689368E-5</v>
          </cell>
          <cell r="Q895">
            <v>2.7133846903689368E-5</v>
          </cell>
          <cell r="R895">
            <v>2.7133846903689368E-5</v>
          </cell>
          <cell r="S895">
            <v>2.7133846903689368E-5</v>
          </cell>
          <cell r="T895">
            <v>2.7133846903689368E-5</v>
          </cell>
          <cell r="U895">
            <v>2.7133846903689368E-5</v>
          </cell>
          <cell r="V895">
            <v>2.7133846903689368E-5</v>
          </cell>
          <cell r="W895">
            <v>2.7133846903689368E-5</v>
          </cell>
          <cell r="Y895">
            <v>0</v>
          </cell>
          <cell r="Z895">
            <v>0</v>
          </cell>
        </row>
        <row r="896">
          <cell r="A896" t="str">
            <v>Pre_credit_%</v>
          </cell>
          <cell r="G896">
            <v>1.5997754862951948E-5</v>
          </cell>
          <cell r="H896">
            <v>1.4573963747003107E-5</v>
          </cell>
          <cell r="I896">
            <v>1.5285859304977526E-5</v>
          </cell>
          <cell r="J896">
            <v>1.5285859304977526E-5</v>
          </cell>
          <cell r="K896">
            <v>1.5285859304977526E-5</v>
          </cell>
          <cell r="L896">
            <v>1.5285859304977526E-5</v>
          </cell>
          <cell r="M896">
            <v>1.5285859304977526E-5</v>
          </cell>
          <cell r="N896">
            <v>1.5285859304977526E-5</v>
          </cell>
          <cell r="O896">
            <v>1.5285859304977526E-5</v>
          </cell>
          <cell r="P896">
            <v>1.5285859304977526E-5</v>
          </cell>
          <cell r="Q896">
            <v>1.5285859304977526E-5</v>
          </cell>
          <cell r="R896">
            <v>1.5285859304977526E-5</v>
          </cell>
          <cell r="S896">
            <v>1.5285859304977526E-5</v>
          </cell>
          <cell r="T896">
            <v>1.5285859304977526E-5</v>
          </cell>
          <cell r="U896">
            <v>1.5285859304977526E-5</v>
          </cell>
          <cell r="V896">
            <v>1.5285859304977526E-5</v>
          </cell>
          <cell r="W896">
            <v>1.5285859304977526E-5</v>
          </cell>
        </row>
        <row r="897">
          <cell r="A897" t="str">
            <v>Sma_credit_%</v>
          </cell>
          <cell r="G897">
            <v>2.8392111076875035E-5</v>
          </cell>
          <cell r="H897">
            <v>2.5113942999051941E-5</v>
          </cell>
          <cell r="I897">
            <v>2.6753027037963488E-5</v>
          </cell>
          <cell r="J897">
            <v>2.6753027037963488E-5</v>
          </cell>
          <cell r="K897">
            <v>2.6753027037963488E-5</v>
          </cell>
          <cell r="L897">
            <v>2.6753027037963488E-5</v>
          </cell>
          <cell r="M897">
            <v>2.6753027037963488E-5</v>
          </cell>
          <cell r="N897">
            <v>2.6753027037963488E-5</v>
          </cell>
          <cell r="O897">
            <v>2.6753027037963488E-5</v>
          </cell>
          <cell r="P897">
            <v>2.6753027037963488E-5</v>
          </cell>
          <cell r="Q897">
            <v>2.6753027037963488E-5</v>
          </cell>
          <cell r="R897">
            <v>2.6753027037963488E-5</v>
          </cell>
          <cell r="S897">
            <v>2.6753027037963488E-5</v>
          </cell>
          <cell r="T897">
            <v>2.6753027037963488E-5</v>
          </cell>
          <cell r="U897">
            <v>2.6753027037963488E-5</v>
          </cell>
          <cell r="V897">
            <v>2.6753027037963488E-5</v>
          </cell>
          <cell r="W897">
            <v>2.6753027037963488E-5</v>
          </cell>
        </row>
        <row r="898">
          <cell r="A898" t="str">
            <v>Pri_credit_%</v>
          </cell>
          <cell r="G898">
            <v>2.1541313883401729E-5</v>
          </cell>
          <cell r="H898">
            <v>2.0119783217139075E-5</v>
          </cell>
          <cell r="I898">
            <v>2.0830548550270402E-5</v>
          </cell>
          <cell r="J898">
            <v>2.0830548550270402E-5</v>
          </cell>
          <cell r="K898">
            <v>2.0830548550270402E-5</v>
          </cell>
          <cell r="L898">
            <v>2.0830548550270402E-5</v>
          </cell>
          <cell r="M898">
            <v>2.0830548550270402E-5</v>
          </cell>
          <cell r="N898">
            <v>2.0830548550270402E-5</v>
          </cell>
          <cell r="O898">
            <v>2.0830548550270402E-5</v>
          </cell>
          <cell r="P898">
            <v>2.0830548550270402E-5</v>
          </cell>
          <cell r="Q898">
            <v>2.0830548550270402E-5</v>
          </cell>
          <cell r="R898">
            <v>2.0830548550270402E-5</v>
          </cell>
          <cell r="S898">
            <v>2.0830548550270402E-5</v>
          </cell>
          <cell r="T898">
            <v>2.0830548550270402E-5</v>
          </cell>
          <cell r="U898">
            <v>2.0830548550270402E-5</v>
          </cell>
          <cell r="V898">
            <v>2.0830548550270402E-5</v>
          </cell>
          <cell r="W898">
            <v>2.0830548550270402E-5</v>
          </cell>
        </row>
        <row r="899">
          <cell r="A899" t="str">
            <v>Fam_credit_%</v>
          </cell>
          <cell r="G899">
            <v>3.4115734219269097E-5</v>
          </cell>
          <cell r="H899">
            <v>2.8059250645994835E-5</v>
          </cell>
          <cell r="I899">
            <v>3.1087492432631966E-5</v>
          </cell>
          <cell r="J899">
            <v>3.1087492432631966E-5</v>
          </cell>
          <cell r="K899">
            <v>3.1087492432631966E-5</v>
          </cell>
          <cell r="L899">
            <v>3.1087492432631966E-5</v>
          </cell>
          <cell r="M899">
            <v>3.1087492432631966E-5</v>
          </cell>
          <cell r="N899">
            <v>3.1087492432631966E-5</v>
          </cell>
          <cell r="O899">
            <v>3.1087492432631966E-5</v>
          </cell>
          <cell r="P899">
            <v>3.1087492432631966E-5</v>
          </cell>
          <cell r="Q899">
            <v>3.1087492432631966E-5</v>
          </cell>
          <cell r="R899">
            <v>3.1087492432631966E-5</v>
          </cell>
          <cell r="S899">
            <v>3.1087492432631966E-5</v>
          </cell>
          <cell r="T899">
            <v>3.1087492432631966E-5</v>
          </cell>
          <cell r="U899">
            <v>3.1087492432631966E-5</v>
          </cell>
          <cell r="V899">
            <v>3.1087492432631966E-5</v>
          </cell>
          <cell r="W899">
            <v>3.1087492432631966E-5</v>
          </cell>
        </row>
        <row r="900">
          <cell r="A900" t="str">
            <v>PMI_credit_%</v>
          </cell>
          <cell r="G900">
            <v>0</v>
          </cell>
          <cell r="H900">
            <v>3.4041542793133724E-5</v>
          </cell>
          <cell r="I900">
            <v>1.7020771396566862E-5</v>
          </cell>
          <cell r="J900">
            <v>1.7020771396566862E-5</v>
          </cell>
          <cell r="K900">
            <v>1.7020771396566862E-5</v>
          </cell>
          <cell r="L900">
            <v>1.7020771396566862E-5</v>
          </cell>
          <cell r="M900">
            <v>1.7020771396566862E-5</v>
          </cell>
          <cell r="N900">
            <v>1.7020771396566862E-5</v>
          </cell>
          <cell r="O900">
            <v>1.7020771396566862E-5</v>
          </cell>
          <cell r="P900">
            <v>1.7020771396566862E-5</v>
          </cell>
          <cell r="Q900">
            <v>1.7020771396566862E-5</v>
          </cell>
          <cell r="R900">
            <v>1.7020771396566862E-5</v>
          </cell>
          <cell r="S900">
            <v>1.7020771396566862E-5</v>
          </cell>
          <cell r="T900">
            <v>1.7020771396566862E-5</v>
          </cell>
          <cell r="U900">
            <v>1.7020771396566862E-5</v>
          </cell>
          <cell r="V900">
            <v>1.7020771396566862E-5</v>
          </cell>
          <cell r="W900">
            <v>1.7020771396566862E-5</v>
          </cell>
        </row>
        <row r="901">
          <cell r="A901" t="str">
            <v>ENT_credit_%</v>
          </cell>
          <cell r="G901">
            <v>2.5118304635761592E-5</v>
          </cell>
          <cell r="H901">
            <v>2.1215147720602622E-5</v>
          </cell>
          <cell r="I901">
            <v>2.3166726178182109E-5</v>
          </cell>
          <cell r="J901">
            <v>2.3166726178182109E-5</v>
          </cell>
          <cell r="K901">
            <v>2.3166726178182109E-5</v>
          </cell>
          <cell r="L901">
            <v>2.3166726178182109E-5</v>
          </cell>
          <cell r="M901">
            <v>2.3166726178182109E-5</v>
          </cell>
          <cell r="N901">
            <v>2.3166726178182109E-5</v>
          </cell>
          <cell r="O901">
            <v>2.3166726178182109E-5</v>
          </cell>
          <cell r="P901">
            <v>2.3166726178182109E-5</v>
          </cell>
          <cell r="Q901">
            <v>2.3166726178182109E-5</v>
          </cell>
          <cell r="R901">
            <v>2.3166726178182109E-5</v>
          </cell>
          <cell r="S901">
            <v>2.3166726178182109E-5</v>
          </cell>
          <cell r="T901">
            <v>2.3166726178182109E-5</v>
          </cell>
          <cell r="U901">
            <v>2.3166726178182109E-5</v>
          </cell>
          <cell r="V901">
            <v>2.3166726178182109E-5</v>
          </cell>
          <cell r="W901">
            <v>2.3166726178182109E-5</v>
          </cell>
        </row>
        <row r="902">
          <cell r="A902" t="str">
            <v>Cor_credit_%</v>
          </cell>
          <cell r="G902">
            <v>0</v>
          </cell>
          <cell r="H902">
            <v>3.488958414194621E-5</v>
          </cell>
          <cell r="I902">
            <v>1.7444792070973105E-5</v>
          </cell>
          <cell r="J902">
            <v>1.7444792070973105E-5</v>
          </cell>
          <cell r="K902">
            <v>1.7444792070973105E-5</v>
          </cell>
          <cell r="L902">
            <v>1.7444792070973105E-5</v>
          </cell>
          <cell r="M902">
            <v>1.7444792070973105E-5</v>
          </cell>
          <cell r="N902">
            <v>1.7444792070973105E-5</v>
          </cell>
          <cell r="O902">
            <v>1.7444792070973105E-5</v>
          </cell>
          <cell r="P902">
            <v>1.7444792070973105E-5</v>
          </cell>
          <cell r="Q902">
            <v>1.7444792070973105E-5</v>
          </cell>
          <cell r="R902">
            <v>1.7444792070973105E-5</v>
          </cell>
          <cell r="S902">
            <v>1.7444792070973105E-5</v>
          </cell>
          <cell r="T902">
            <v>1.7444792070973105E-5</v>
          </cell>
          <cell r="U902">
            <v>1.7444792070973105E-5</v>
          </cell>
          <cell r="V902">
            <v>1.7444792070973105E-5</v>
          </cell>
          <cell r="W902">
            <v>1.7444792070973105E-5</v>
          </cell>
        </row>
        <row r="903">
          <cell r="A903" t="str">
            <v>Gra_credit_%</v>
          </cell>
          <cell r="G903">
            <v>3.1935547557840627E-5</v>
          </cell>
          <cell r="H903">
            <v>2.2894067885117495E-5</v>
          </cell>
          <cell r="I903">
            <v>2.7414807721479062E-5</v>
          </cell>
          <cell r="J903">
            <v>2.7414807721479062E-5</v>
          </cell>
          <cell r="K903">
            <v>2.7414807721479062E-5</v>
          </cell>
          <cell r="L903">
            <v>2.7414807721479062E-5</v>
          </cell>
          <cell r="M903">
            <v>2.7414807721479062E-5</v>
          </cell>
          <cell r="N903">
            <v>2.7414807721479062E-5</v>
          </cell>
          <cell r="O903">
            <v>2.7414807721479062E-5</v>
          </cell>
          <cell r="P903">
            <v>2.7414807721479062E-5</v>
          </cell>
          <cell r="Q903">
            <v>2.7414807721479062E-5</v>
          </cell>
          <cell r="R903">
            <v>2.7414807721479062E-5</v>
          </cell>
          <cell r="S903">
            <v>2.7414807721479062E-5</v>
          </cell>
          <cell r="T903">
            <v>2.7414807721479062E-5</v>
          </cell>
          <cell r="U903">
            <v>2.7414807721479062E-5</v>
          </cell>
          <cell r="V903">
            <v>2.7414807721479062E-5</v>
          </cell>
          <cell r="W903">
            <v>2.7414807721479062E-5</v>
          </cell>
        </row>
        <row r="904">
          <cell r="A904" t="str">
            <v>FEX_credit_%</v>
          </cell>
          <cell r="G904">
            <v>0</v>
          </cell>
          <cell r="H904">
            <v>0</v>
          </cell>
          <cell r="I904">
            <v>0</v>
          </cell>
          <cell r="J904">
            <v>0</v>
          </cell>
          <cell r="K904">
            <v>0</v>
          </cell>
          <cell r="L904">
            <v>0</v>
          </cell>
          <cell r="M904">
            <v>0</v>
          </cell>
          <cell r="N904">
            <v>0</v>
          </cell>
          <cell r="O904">
            <v>0</v>
          </cell>
          <cell r="P904">
            <v>0</v>
          </cell>
          <cell r="Q904">
            <v>0</v>
          </cell>
          <cell r="R904">
            <v>0</v>
          </cell>
          <cell r="S904">
            <v>0</v>
          </cell>
          <cell r="T904">
            <v>0</v>
          </cell>
          <cell r="U904">
            <v>0</v>
          </cell>
          <cell r="V904">
            <v>0</v>
          </cell>
          <cell r="W904">
            <v>0</v>
          </cell>
        </row>
        <row r="905">
          <cell r="A905" t="str">
            <v>MCL_credit_%</v>
          </cell>
          <cell r="G905">
            <v>0</v>
          </cell>
          <cell r="H905">
            <v>0</v>
          </cell>
          <cell r="I905">
            <v>0</v>
          </cell>
          <cell r="J905">
            <v>0</v>
          </cell>
          <cell r="K905">
            <v>0</v>
          </cell>
          <cell r="L905">
            <v>0</v>
          </cell>
          <cell r="M905">
            <v>0</v>
          </cell>
          <cell r="N905">
            <v>0</v>
          </cell>
          <cell r="O905">
            <v>0</v>
          </cell>
          <cell r="P905">
            <v>0</v>
          </cell>
          <cell r="Q905">
            <v>0</v>
          </cell>
          <cell r="R905">
            <v>0</v>
          </cell>
          <cell r="S905">
            <v>0</v>
          </cell>
          <cell r="T905">
            <v>0</v>
          </cell>
          <cell r="U905">
            <v>0</v>
          </cell>
          <cell r="V905">
            <v>0</v>
          </cell>
          <cell r="W905">
            <v>0</v>
          </cell>
        </row>
        <row r="906">
          <cell r="A906" t="str">
            <v>MCG_credit_%</v>
          </cell>
          <cell r="G906">
            <v>0</v>
          </cell>
          <cell r="H906">
            <v>0</v>
          </cell>
          <cell r="I906">
            <v>0</v>
          </cell>
          <cell r="J906">
            <v>0</v>
          </cell>
          <cell r="K906">
            <v>0</v>
          </cell>
          <cell r="L906">
            <v>0</v>
          </cell>
          <cell r="M906">
            <v>0</v>
          </cell>
          <cell r="N906">
            <v>0</v>
          </cell>
          <cell r="O906">
            <v>0</v>
          </cell>
          <cell r="P906">
            <v>0</v>
          </cell>
          <cell r="Q906">
            <v>0</v>
          </cell>
          <cell r="R906">
            <v>0</v>
          </cell>
          <cell r="S906">
            <v>0</v>
          </cell>
          <cell r="T906">
            <v>0</v>
          </cell>
          <cell r="U906">
            <v>0</v>
          </cell>
          <cell r="V906">
            <v>0</v>
          </cell>
          <cell r="W906">
            <v>0</v>
          </cell>
        </row>
        <row r="907">
          <cell r="A907" t="str">
            <v>MLE_credit_%</v>
          </cell>
          <cell r="G907">
            <v>0</v>
          </cell>
          <cell r="H907">
            <v>0</v>
          </cell>
          <cell r="I907">
            <v>0</v>
          </cell>
          <cell r="J907">
            <v>0</v>
          </cell>
          <cell r="K907">
            <v>0</v>
          </cell>
          <cell r="L907">
            <v>0</v>
          </cell>
          <cell r="M907">
            <v>0</v>
          </cell>
          <cell r="N907">
            <v>0</v>
          </cell>
          <cell r="O907">
            <v>0</v>
          </cell>
          <cell r="P907">
            <v>0</v>
          </cell>
          <cell r="Q907">
            <v>0</v>
          </cell>
          <cell r="R907">
            <v>0</v>
          </cell>
          <cell r="S907">
            <v>0</v>
          </cell>
          <cell r="T907">
            <v>0</v>
          </cell>
          <cell r="U907">
            <v>0</v>
          </cell>
          <cell r="V907">
            <v>0</v>
          </cell>
          <cell r="W907">
            <v>0</v>
          </cell>
        </row>
        <row r="908">
          <cell r="A908" t="str">
            <v>MFA_credit_%</v>
          </cell>
          <cell r="G908">
            <v>0</v>
          </cell>
          <cell r="H908">
            <v>0</v>
          </cell>
          <cell r="I908">
            <v>0</v>
          </cell>
          <cell r="J908">
            <v>0</v>
          </cell>
          <cell r="K908">
            <v>0</v>
          </cell>
          <cell r="L908">
            <v>0</v>
          </cell>
          <cell r="M908">
            <v>0</v>
          </cell>
          <cell r="N908">
            <v>0</v>
          </cell>
          <cell r="O908">
            <v>0</v>
          </cell>
          <cell r="P908">
            <v>0</v>
          </cell>
          <cell r="Q908">
            <v>0</v>
          </cell>
          <cell r="R908">
            <v>0</v>
          </cell>
          <cell r="S908">
            <v>0</v>
          </cell>
          <cell r="T908">
            <v>0</v>
          </cell>
          <cell r="U908">
            <v>0</v>
          </cell>
          <cell r="V908">
            <v>0</v>
          </cell>
          <cell r="W908">
            <v>0</v>
          </cell>
        </row>
        <row r="909">
          <cell r="A909" t="str">
            <v>MBQ_credit_%</v>
          </cell>
          <cell r="G909">
            <v>0</v>
          </cell>
          <cell r="H909">
            <v>0</v>
          </cell>
          <cell r="I909">
            <v>0</v>
          </cell>
          <cell r="J909">
            <v>0</v>
          </cell>
          <cell r="K909">
            <v>0</v>
          </cell>
          <cell r="L909">
            <v>0</v>
          </cell>
          <cell r="M909">
            <v>0</v>
          </cell>
          <cell r="N909">
            <v>0</v>
          </cell>
          <cell r="O909">
            <v>0</v>
          </cell>
          <cell r="P909">
            <v>0</v>
          </cell>
          <cell r="Q909">
            <v>0</v>
          </cell>
          <cell r="R909">
            <v>0</v>
          </cell>
          <cell r="S909">
            <v>0</v>
          </cell>
          <cell r="T909">
            <v>0</v>
          </cell>
          <cell r="U909">
            <v>0</v>
          </cell>
          <cell r="V909">
            <v>0</v>
          </cell>
          <cell r="W909">
            <v>0</v>
          </cell>
        </row>
        <row r="910">
          <cell r="A910" t="str">
            <v>MBG_credit_%</v>
          </cell>
          <cell r="G910">
            <v>0</v>
          </cell>
          <cell r="H910">
            <v>0</v>
          </cell>
          <cell r="I910">
            <v>0</v>
          </cell>
          <cell r="J910">
            <v>0</v>
          </cell>
          <cell r="K910">
            <v>0</v>
          </cell>
          <cell r="L910">
            <v>0</v>
          </cell>
          <cell r="M910">
            <v>0</v>
          </cell>
          <cell r="N910">
            <v>0</v>
          </cell>
          <cell r="O910">
            <v>0</v>
          </cell>
          <cell r="P910">
            <v>0</v>
          </cell>
          <cell r="Q910">
            <v>0</v>
          </cell>
          <cell r="R910">
            <v>0</v>
          </cell>
          <cell r="S910">
            <v>0</v>
          </cell>
          <cell r="T910">
            <v>0</v>
          </cell>
          <cell r="U910">
            <v>0</v>
          </cell>
          <cell r="V910">
            <v>0</v>
          </cell>
          <cell r="W910">
            <v>0</v>
          </cell>
        </row>
        <row r="911">
          <cell r="A911" t="str">
            <v>WID_credit_%</v>
          </cell>
          <cell r="G911">
            <v>0</v>
          </cell>
          <cell r="H911">
            <v>0</v>
          </cell>
          <cell r="I911">
            <v>0</v>
          </cell>
          <cell r="J911">
            <v>0</v>
          </cell>
          <cell r="K911">
            <v>0</v>
          </cell>
          <cell r="L911">
            <v>0</v>
          </cell>
          <cell r="M911">
            <v>0</v>
          </cell>
          <cell r="N911">
            <v>0</v>
          </cell>
          <cell r="O911">
            <v>0</v>
          </cell>
          <cell r="P911">
            <v>0</v>
          </cell>
          <cell r="Q911">
            <v>0</v>
          </cell>
          <cell r="R911">
            <v>0</v>
          </cell>
          <cell r="S911">
            <v>0</v>
          </cell>
          <cell r="T911">
            <v>0</v>
          </cell>
          <cell r="U911">
            <v>0</v>
          </cell>
          <cell r="V911">
            <v>0</v>
          </cell>
          <cell r="W911">
            <v>0</v>
          </cell>
        </row>
        <row r="912">
          <cell r="A912" t="str">
            <v>FIN_credit_%</v>
          </cell>
          <cell r="G912">
            <v>0</v>
          </cell>
          <cell r="H912">
            <v>0</v>
          </cell>
          <cell r="I912">
            <v>0</v>
          </cell>
          <cell r="J912">
            <v>0</v>
          </cell>
          <cell r="K912">
            <v>0</v>
          </cell>
          <cell r="L912">
            <v>0</v>
          </cell>
          <cell r="M912">
            <v>0</v>
          </cell>
          <cell r="N912">
            <v>0</v>
          </cell>
          <cell r="O912">
            <v>0</v>
          </cell>
          <cell r="P912">
            <v>0</v>
          </cell>
          <cell r="Q912">
            <v>0</v>
          </cell>
          <cell r="R912">
            <v>0</v>
          </cell>
          <cell r="S912">
            <v>0</v>
          </cell>
          <cell r="T912">
            <v>0</v>
          </cell>
          <cell r="U912">
            <v>0</v>
          </cell>
          <cell r="V912">
            <v>0</v>
          </cell>
          <cell r="W912">
            <v>0</v>
          </cell>
        </row>
        <row r="913">
          <cell r="A913" t="str">
            <v>ALM_credit_%</v>
          </cell>
          <cell r="G913">
            <v>0</v>
          </cell>
          <cell r="H913">
            <v>0</v>
          </cell>
          <cell r="I913">
            <v>0</v>
          </cell>
          <cell r="J913">
            <v>0</v>
          </cell>
          <cell r="K913">
            <v>0</v>
          </cell>
          <cell r="L913">
            <v>0</v>
          </cell>
          <cell r="M913">
            <v>0</v>
          </cell>
          <cell r="N913">
            <v>0</v>
          </cell>
          <cell r="O913">
            <v>0</v>
          </cell>
          <cell r="P913">
            <v>0</v>
          </cell>
          <cell r="Q913">
            <v>0</v>
          </cell>
          <cell r="R913">
            <v>0</v>
          </cell>
          <cell r="S913">
            <v>0</v>
          </cell>
          <cell r="T913">
            <v>0</v>
          </cell>
          <cell r="U913">
            <v>0</v>
          </cell>
          <cell r="V913">
            <v>0</v>
          </cell>
          <cell r="W913">
            <v>0</v>
          </cell>
        </row>
        <row r="914">
          <cell r="A914" t="str">
            <v>FUO_credit_%</v>
          </cell>
          <cell r="G914">
            <v>0</v>
          </cell>
          <cell r="H914">
            <v>0</v>
          </cell>
          <cell r="I914">
            <v>0</v>
          </cell>
          <cell r="J914">
            <v>0</v>
          </cell>
          <cell r="K914">
            <v>0</v>
          </cell>
          <cell r="L914">
            <v>0</v>
          </cell>
          <cell r="M914">
            <v>0</v>
          </cell>
          <cell r="N914">
            <v>0</v>
          </cell>
          <cell r="O914">
            <v>0</v>
          </cell>
          <cell r="P914">
            <v>0</v>
          </cell>
          <cell r="Q914">
            <v>0</v>
          </cell>
          <cell r="R914">
            <v>0</v>
          </cell>
          <cell r="S914">
            <v>0</v>
          </cell>
          <cell r="T914">
            <v>0</v>
          </cell>
          <cell r="U914">
            <v>0</v>
          </cell>
          <cell r="V914">
            <v>0</v>
          </cell>
          <cell r="W914">
            <v>0</v>
          </cell>
        </row>
        <row r="915">
          <cell r="A915" t="str">
            <v>XXX_credit_%</v>
          </cell>
          <cell r="G915">
            <v>0</v>
          </cell>
          <cell r="H915">
            <v>0</v>
          </cell>
          <cell r="I915">
            <v>0</v>
          </cell>
          <cell r="J915">
            <v>0</v>
          </cell>
          <cell r="K915">
            <v>0</v>
          </cell>
          <cell r="L915">
            <v>0</v>
          </cell>
          <cell r="M915">
            <v>0</v>
          </cell>
          <cell r="N915">
            <v>0</v>
          </cell>
          <cell r="O915">
            <v>0</v>
          </cell>
          <cell r="P915">
            <v>0</v>
          </cell>
          <cell r="Q915">
            <v>0</v>
          </cell>
          <cell r="R915">
            <v>0</v>
          </cell>
          <cell r="S915">
            <v>0</v>
          </cell>
          <cell r="T915">
            <v>0</v>
          </cell>
          <cell r="U915">
            <v>0</v>
          </cell>
          <cell r="V915">
            <v>0</v>
          </cell>
          <cell r="W915">
            <v>0</v>
          </cell>
        </row>
        <row r="916">
          <cell r="G916">
            <v>0</v>
          </cell>
          <cell r="H916">
            <v>0</v>
          </cell>
          <cell r="I916">
            <v>0</v>
          </cell>
          <cell r="J916">
            <v>0</v>
          </cell>
          <cell r="K916">
            <v>0</v>
          </cell>
          <cell r="L916">
            <v>0</v>
          </cell>
          <cell r="M916">
            <v>0</v>
          </cell>
          <cell r="N916">
            <v>0</v>
          </cell>
          <cell r="O916">
            <v>0</v>
          </cell>
          <cell r="P916">
            <v>0</v>
          </cell>
          <cell r="Q916">
            <v>0</v>
          </cell>
          <cell r="R916">
            <v>0</v>
          </cell>
          <cell r="S916">
            <v>0</v>
          </cell>
          <cell r="T916">
            <v>0</v>
          </cell>
          <cell r="U916">
            <v>0</v>
          </cell>
          <cell r="V916">
            <v>0</v>
          </cell>
          <cell r="W916">
            <v>0</v>
          </cell>
        </row>
        <row r="917">
          <cell r="A917" t="str">
            <v>Val_bonifici_%</v>
          </cell>
          <cell r="G917">
            <v>2.189620942574432E-6</v>
          </cell>
          <cell r="H917">
            <v>2.1401273184152577E-6</v>
          </cell>
          <cell r="I917">
            <v>2.1648741304948449E-6</v>
          </cell>
          <cell r="J917">
            <v>2.1648741304948449E-6</v>
          </cell>
          <cell r="K917">
            <v>2.1648741304948449E-6</v>
          </cell>
          <cell r="L917">
            <v>2.1648741304948449E-6</v>
          </cell>
          <cell r="M917">
            <v>2.1648741304948449E-6</v>
          </cell>
          <cell r="N917">
            <v>2.1648741304948449E-6</v>
          </cell>
          <cell r="O917">
            <v>2.1648741304948449E-6</v>
          </cell>
          <cell r="P917">
            <v>2.1648741304948449E-6</v>
          </cell>
          <cell r="Q917">
            <v>2.1648741304948449E-6</v>
          </cell>
          <cell r="R917">
            <v>2.1648741304948449E-6</v>
          </cell>
          <cell r="S917">
            <v>2.1648741304948449E-6</v>
          </cell>
          <cell r="T917">
            <v>2.1648741304948449E-6</v>
          </cell>
          <cell r="U917">
            <v>2.1648741304948449E-6</v>
          </cell>
          <cell r="V917">
            <v>2.1648741304948449E-6</v>
          </cell>
          <cell r="W917">
            <v>2.1648741304948449E-6</v>
          </cell>
          <cell r="Y917">
            <v>0</v>
          </cell>
          <cell r="Z917">
            <v>0</v>
          </cell>
        </row>
        <row r="918">
          <cell r="A918" t="str">
            <v>Pre_bonifici_%</v>
          </cell>
          <cell r="G918">
            <v>2.6047814266172416E-6</v>
          </cell>
          <cell r="H918">
            <v>2.3753915636270472E-6</v>
          </cell>
          <cell r="I918">
            <v>2.4900864951221446E-6</v>
          </cell>
          <cell r="J918">
            <v>2.4900864951221446E-6</v>
          </cell>
          <cell r="K918">
            <v>2.4900864951221446E-6</v>
          </cell>
          <cell r="L918">
            <v>2.4900864951221446E-6</v>
          </cell>
          <cell r="M918">
            <v>2.4900864951221446E-6</v>
          </cell>
          <cell r="N918">
            <v>2.4900864951221446E-6</v>
          </cell>
          <cell r="O918">
            <v>2.4900864951221446E-6</v>
          </cell>
          <cell r="P918">
            <v>2.4900864951221446E-6</v>
          </cell>
          <cell r="Q918">
            <v>2.4900864951221446E-6</v>
          </cell>
          <cell r="R918">
            <v>2.4900864951221446E-6</v>
          </cell>
          <cell r="S918">
            <v>2.4900864951221446E-6</v>
          </cell>
          <cell r="T918">
            <v>2.4900864951221446E-6</v>
          </cell>
          <cell r="U918">
            <v>2.4900864951221446E-6</v>
          </cell>
          <cell r="V918">
            <v>2.4900864951221446E-6</v>
          </cell>
          <cell r="W918">
            <v>2.4900864951221446E-6</v>
          </cell>
        </row>
        <row r="919">
          <cell r="A919" t="str">
            <v>Sma_bonifici_%</v>
          </cell>
          <cell r="G919">
            <v>1.1815016468068431E-5</v>
          </cell>
          <cell r="H919">
            <v>1.0851638398342817E-5</v>
          </cell>
          <cell r="I919">
            <v>1.1333327433205625E-5</v>
          </cell>
          <cell r="J919">
            <v>1.1333327433205625E-5</v>
          </cell>
          <cell r="K919">
            <v>1.1333327433205625E-5</v>
          </cell>
          <cell r="L919">
            <v>1.1333327433205625E-5</v>
          </cell>
          <cell r="M919">
            <v>1.1333327433205625E-5</v>
          </cell>
          <cell r="N919">
            <v>1.1333327433205625E-5</v>
          </cell>
          <cell r="O919">
            <v>1.1333327433205625E-5</v>
          </cell>
          <cell r="P919">
            <v>1.1333327433205625E-5</v>
          </cell>
          <cell r="Q919">
            <v>1.1333327433205625E-5</v>
          </cell>
          <cell r="R919">
            <v>1.1333327433205625E-5</v>
          </cell>
          <cell r="S919">
            <v>1.1333327433205625E-5</v>
          </cell>
          <cell r="T919">
            <v>1.1333327433205625E-5</v>
          </cell>
          <cell r="U919">
            <v>1.1333327433205625E-5</v>
          </cell>
          <cell r="V919">
            <v>1.1333327433205625E-5</v>
          </cell>
          <cell r="W919">
            <v>1.1333327433205625E-5</v>
          </cell>
        </row>
        <row r="920">
          <cell r="A920" t="str">
            <v>Pri_bonifici_%</v>
          </cell>
          <cell r="G920">
            <v>3.0620187193581957E-6</v>
          </cell>
          <cell r="H920">
            <v>2.7781877962085307E-6</v>
          </cell>
          <cell r="I920">
            <v>2.9201032577833632E-6</v>
          </cell>
          <cell r="J920">
            <v>2.9201032577833632E-6</v>
          </cell>
          <cell r="K920">
            <v>2.9201032577833632E-6</v>
          </cell>
          <cell r="L920">
            <v>2.9201032577833632E-6</v>
          </cell>
          <cell r="M920">
            <v>2.9201032577833632E-6</v>
          </cell>
          <cell r="N920">
            <v>2.9201032577833632E-6</v>
          </cell>
          <cell r="O920">
            <v>2.9201032577833632E-6</v>
          </cell>
          <cell r="P920">
            <v>2.9201032577833632E-6</v>
          </cell>
          <cell r="Q920">
            <v>2.9201032577833632E-6</v>
          </cell>
          <cell r="R920">
            <v>2.9201032577833632E-6</v>
          </cell>
          <cell r="S920">
            <v>2.9201032577833632E-6</v>
          </cell>
          <cell r="T920">
            <v>2.9201032577833632E-6</v>
          </cell>
          <cell r="U920">
            <v>2.9201032577833632E-6</v>
          </cell>
          <cell r="V920">
            <v>2.9201032577833632E-6</v>
          </cell>
          <cell r="W920">
            <v>2.9201032577833632E-6</v>
          </cell>
        </row>
        <row r="921">
          <cell r="A921" t="str">
            <v>Fam_bonifici_%</v>
          </cell>
          <cell r="G921">
            <v>4.8015078060805251E-6</v>
          </cell>
          <cell r="H921">
            <v>4.5034470304975926E-6</v>
          </cell>
          <cell r="I921">
            <v>4.6524774182890593E-6</v>
          </cell>
          <cell r="J921">
            <v>4.6524774182890593E-6</v>
          </cell>
          <cell r="K921">
            <v>4.6524774182890593E-6</v>
          </cell>
          <cell r="L921">
            <v>4.6524774182890593E-6</v>
          </cell>
          <cell r="M921">
            <v>4.6524774182890593E-6</v>
          </cell>
          <cell r="N921">
            <v>4.6524774182890593E-6</v>
          </cell>
          <cell r="O921">
            <v>4.6524774182890593E-6</v>
          </cell>
          <cell r="P921">
            <v>4.6524774182890593E-6</v>
          </cell>
          <cell r="Q921">
            <v>4.6524774182890593E-6</v>
          </cell>
          <cell r="R921">
            <v>4.6524774182890593E-6</v>
          </cell>
          <cell r="S921">
            <v>4.6524774182890593E-6</v>
          </cell>
          <cell r="T921">
            <v>4.6524774182890593E-6</v>
          </cell>
          <cell r="U921">
            <v>4.6524774182890593E-6</v>
          </cell>
          <cell r="V921">
            <v>4.6524774182890593E-6</v>
          </cell>
          <cell r="W921">
            <v>4.6524774182890593E-6</v>
          </cell>
        </row>
        <row r="922">
          <cell r="A922" t="str">
            <v>PMI_bonifici_%</v>
          </cell>
          <cell r="G922">
            <v>3.367288077415352E-5</v>
          </cell>
          <cell r="H922">
            <v>3.1679872422489244E-5</v>
          </cell>
          <cell r="I922">
            <v>3.2676376598321386E-5</v>
          </cell>
          <cell r="J922">
            <v>3.2676376598321386E-5</v>
          </cell>
          <cell r="K922">
            <v>3.2676376598321386E-5</v>
          </cell>
          <cell r="L922">
            <v>3.2676376598321386E-5</v>
          </cell>
          <cell r="M922">
            <v>3.2676376598321386E-5</v>
          </cell>
          <cell r="N922">
            <v>3.2676376598321386E-5</v>
          </cell>
          <cell r="O922">
            <v>3.2676376598321386E-5</v>
          </cell>
          <cell r="P922">
            <v>3.2676376598321386E-5</v>
          </cell>
          <cell r="Q922">
            <v>3.2676376598321386E-5</v>
          </cell>
          <cell r="R922">
            <v>3.2676376598321386E-5</v>
          </cell>
          <cell r="S922">
            <v>3.2676376598321386E-5</v>
          </cell>
          <cell r="T922">
            <v>3.2676376598321386E-5</v>
          </cell>
          <cell r="U922">
            <v>3.2676376598321386E-5</v>
          </cell>
          <cell r="V922">
            <v>3.2676376598321386E-5</v>
          </cell>
          <cell r="W922">
            <v>3.2676376598321386E-5</v>
          </cell>
        </row>
        <row r="923">
          <cell r="A923" t="str">
            <v>ENT_bonifici_%</v>
          </cell>
          <cell r="G923">
            <v>3.2988924570391964E-5</v>
          </cell>
          <cell r="H923">
            <v>3.5141392967867523E-5</v>
          </cell>
          <cell r="I923">
            <v>3.406515876912974E-5</v>
          </cell>
          <cell r="J923">
            <v>3.406515876912974E-5</v>
          </cell>
          <cell r="K923">
            <v>3.406515876912974E-5</v>
          </cell>
          <cell r="L923">
            <v>3.406515876912974E-5</v>
          </cell>
          <cell r="M923">
            <v>3.406515876912974E-5</v>
          </cell>
          <cell r="N923">
            <v>3.406515876912974E-5</v>
          </cell>
          <cell r="O923">
            <v>3.406515876912974E-5</v>
          </cell>
          <cell r="P923">
            <v>3.406515876912974E-5</v>
          </cell>
          <cell r="Q923">
            <v>3.406515876912974E-5</v>
          </cell>
          <cell r="R923">
            <v>3.406515876912974E-5</v>
          </cell>
          <cell r="S923">
            <v>3.406515876912974E-5</v>
          </cell>
          <cell r="T923">
            <v>3.406515876912974E-5</v>
          </cell>
          <cell r="U923">
            <v>3.406515876912974E-5</v>
          </cell>
          <cell r="V923">
            <v>3.406515876912974E-5</v>
          </cell>
          <cell r="W923">
            <v>3.406515876912974E-5</v>
          </cell>
        </row>
        <row r="924">
          <cell r="A924" t="str">
            <v>Cor_bonifici_%</v>
          </cell>
          <cell r="G924">
            <v>8.1543395157135503E-5</v>
          </cell>
          <cell r="H924">
            <v>7.9357656112022208E-5</v>
          </cell>
          <cell r="I924">
            <v>8.0450525634578863E-5</v>
          </cell>
          <cell r="J924">
            <v>8.0450525634578863E-5</v>
          </cell>
          <cell r="K924">
            <v>8.0450525634578863E-5</v>
          </cell>
          <cell r="L924">
            <v>8.0450525634578863E-5</v>
          </cell>
          <cell r="M924">
            <v>8.0450525634578863E-5</v>
          </cell>
          <cell r="N924">
            <v>8.0450525634578863E-5</v>
          </cell>
          <cell r="O924">
            <v>8.0450525634578863E-5</v>
          </cell>
          <cell r="P924">
            <v>8.0450525634578863E-5</v>
          </cell>
          <cell r="Q924">
            <v>8.0450525634578863E-5</v>
          </cell>
          <cell r="R924">
            <v>8.0450525634578863E-5</v>
          </cell>
          <cell r="S924">
            <v>8.0450525634578863E-5</v>
          </cell>
          <cell r="T924">
            <v>8.0450525634578863E-5</v>
          </cell>
          <cell r="U924">
            <v>8.0450525634578863E-5</v>
          </cell>
          <cell r="V924">
            <v>8.0450525634578863E-5</v>
          </cell>
          <cell r="W924">
            <v>8.0450525634578863E-5</v>
          </cell>
        </row>
        <row r="925">
          <cell r="A925" t="str">
            <v>Gra_bonifici_%</v>
          </cell>
          <cell r="G925">
            <v>8.2237266114873361E-5</v>
          </cell>
          <cell r="H925">
            <v>1.1726778400407539E-4</v>
          </cell>
          <cell r="I925">
            <v>9.9752525059474377E-5</v>
          </cell>
          <cell r="J925">
            <v>9.9752525059474377E-5</v>
          </cell>
          <cell r="K925">
            <v>9.9752525059474377E-5</v>
          </cell>
          <cell r="L925">
            <v>9.9752525059474377E-5</v>
          </cell>
          <cell r="M925">
            <v>9.9752525059474377E-5</v>
          </cell>
          <cell r="N925">
            <v>9.9752525059474377E-5</v>
          </cell>
          <cell r="O925">
            <v>9.9752525059474377E-5</v>
          </cell>
          <cell r="P925">
            <v>9.9752525059474377E-5</v>
          </cell>
          <cell r="Q925">
            <v>9.9752525059474377E-5</v>
          </cell>
          <cell r="R925">
            <v>9.9752525059474377E-5</v>
          </cell>
          <cell r="S925">
            <v>9.9752525059474377E-5</v>
          </cell>
          <cell r="T925">
            <v>9.9752525059474377E-5</v>
          </cell>
          <cell r="U925">
            <v>9.9752525059474377E-5</v>
          </cell>
          <cell r="V925">
            <v>9.9752525059474377E-5</v>
          </cell>
          <cell r="W925">
            <v>9.9752525059474377E-5</v>
          </cell>
        </row>
        <row r="926">
          <cell r="A926" t="str">
            <v>FEX_bonifici_%</v>
          </cell>
          <cell r="G926">
            <v>0</v>
          </cell>
          <cell r="H926">
            <v>0</v>
          </cell>
          <cell r="I926">
            <v>0</v>
          </cell>
          <cell r="J926">
            <v>0</v>
          </cell>
          <cell r="K926">
            <v>0</v>
          </cell>
          <cell r="L926">
            <v>0</v>
          </cell>
          <cell r="M926">
            <v>0</v>
          </cell>
          <cell r="N926">
            <v>0</v>
          </cell>
          <cell r="O926">
            <v>0</v>
          </cell>
          <cell r="P926">
            <v>0</v>
          </cell>
          <cell r="Q926">
            <v>0</v>
          </cell>
          <cell r="R926">
            <v>0</v>
          </cell>
          <cell r="S926">
            <v>0</v>
          </cell>
          <cell r="T926">
            <v>0</v>
          </cell>
          <cell r="U926">
            <v>0</v>
          </cell>
          <cell r="V926">
            <v>0</v>
          </cell>
          <cell r="W926">
            <v>0</v>
          </cell>
        </row>
        <row r="927">
          <cell r="A927" t="str">
            <v>MCL_bonifici_%</v>
          </cell>
          <cell r="G927">
            <v>0</v>
          </cell>
          <cell r="H927">
            <v>0</v>
          </cell>
          <cell r="I927">
            <v>0</v>
          </cell>
          <cell r="J927">
            <v>0</v>
          </cell>
          <cell r="K927">
            <v>0</v>
          </cell>
          <cell r="L927">
            <v>0</v>
          </cell>
          <cell r="M927">
            <v>0</v>
          </cell>
          <cell r="N927">
            <v>0</v>
          </cell>
          <cell r="O927">
            <v>0</v>
          </cell>
          <cell r="P927">
            <v>0</v>
          </cell>
          <cell r="Q927">
            <v>0</v>
          </cell>
          <cell r="R927">
            <v>0</v>
          </cell>
          <cell r="S927">
            <v>0</v>
          </cell>
          <cell r="T927">
            <v>0</v>
          </cell>
          <cell r="U927">
            <v>0</v>
          </cell>
          <cell r="V927">
            <v>0</v>
          </cell>
          <cell r="W927">
            <v>0</v>
          </cell>
        </row>
        <row r="928">
          <cell r="A928" t="str">
            <v>MCG_bonifici_%</v>
          </cell>
          <cell r="G928">
            <v>0</v>
          </cell>
          <cell r="H928">
            <v>0</v>
          </cell>
          <cell r="I928">
            <v>0</v>
          </cell>
          <cell r="J928">
            <v>0</v>
          </cell>
          <cell r="K928">
            <v>0</v>
          </cell>
          <cell r="L928">
            <v>0</v>
          </cell>
          <cell r="M928">
            <v>0</v>
          </cell>
          <cell r="N928">
            <v>0</v>
          </cell>
          <cell r="O928">
            <v>0</v>
          </cell>
          <cell r="P928">
            <v>0</v>
          </cell>
          <cell r="Q928">
            <v>0</v>
          </cell>
          <cell r="R928">
            <v>0</v>
          </cell>
          <cell r="S928">
            <v>0</v>
          </cell>
          <cell r="T928">
            <v>0</v>
          </cell>
          <cell r="U928">
            <v>0</v>
          </cell>
          <cell r="V928">
            <v>0</v>
          </cell>
          <cell r="W928">
            <v>0</v>
          </cell>
        </row>
        <row r="929">
          <cell r="A929" t="str">
            <v>MLE_bonifici_%</v>
          </cell>
          <cell r="G929">
            <v>0</v>
          </cell>
          <cell r="H929">
            <v>0</v>
          </cell>
          <cell r="I929">
            <v>0</v>
          </cell>
          <cell r="J929">
            <v>0</v>
          </cell>
          <cell r="K929">
            <v>0</v>
          </cell>
          <cell r="L929">
            <v>0</v>
          </cell>
          <cell r="M929">
            <v>0</v>
          </cell>
          <cell r="N929">
            <v>0</v>
          </cell>
          <cell r="O929">
            <v>0</v>
          </cell>
          <cell r="P929">
            <v>0</v>
          </cell>
          <cell r="Q929">
            <v>0</v>
          </cell>
          <cell r="R929">
            <v>0</v>
          </cell>
          <cell r="S929">
            <v>0</v>
          </cell>
          <cell r="T929">
            <v>0</v>
          </cell>
          <cell r="U929">
            <v>0</v>
          </cell>
          <cell r="V929">
            <v>0</v>
          </cell>
          <cell r="W929">
            <v>0</v>
          </cell>
        </row>
        <row r="930">
          <cell r="A930" t="str">
            <v>MFA_bonifici_%</v>
          </cell>
          <cell r="G930">
            <v>0</v>
          </cell>
          <cell r="H930">
            <v>0</v>
          </cell>
          <cell r="I930">
            <v>0</v>
          </cell>
          <cell r="J930">
            <v>0</v>
          </cell>
          <cell r="K930">
            <v>0</v>
          </cell>
          <cell r="L930">
            <v>0</v>
          </cell>
          <cell r="M930">
            <v>0</v>
          </cell>
          <cell r="N930">
            <v>0</v>
          </cell>
          <cell r="O930">
            <v>0</v>
          </cell>
          <cell r="P930">
            <v>0</v>
          </cell>
          <cell r="Q930">
            <v>0</v>
          </cell>
          <cell r="R930">
            <v>0</v>
          </cell>
          <cell r="S930">
            <v>0</v>
          </cell>
          <cell r="T930">
            <v>0</v>
          </cell>
          <cell r="U930">
            <v>0</v>
          </cell>
          <cell r="V930">
            <v>0</v>
          </cell>
          <cell r="W930">
            <v>0</v>
          </cell>
        </row>
        <row r="931">
          <cell r="A931" t="str">
            <v>MBQ_bonifici_%</v>
          </cell>
          <cell r="G931">
            <v>0</v>
          </cell>
          <cell r="H931">
            <v>0</v>
          </cell>
          <cell r="I931">
            <v>0</v>
          </cell>
          <cell r="J931">
            <v>0</v>
          </cell>
          <cell r="K931">
            <v>0</v>
          </cell>
          <cell r="L931">
            <v>0</v>
          </cell>
          <cell r="M931">
            <v>0</v>
          </cell>
          <cell r="N931">
            <v>0</v>
          </cell>
          <cell r="O931">
            <v>0</v>
          </cell>
          <cell r="P931">
            <v>0</v>
          </cell>
          <cell r="Q931">
            <v>0</v>
          </cell>
          <cell r="R931">
            <v>0</v>
          </cell>
          <cell r="S931">
            <v>0</v>
          </cell>
          <cell r="T931">
            <v>0</v>
          </cell>
          <cell r="U931">
            <v>0</v>
          </cell>
          <cell r="V931">
            <v>0</v>
          </cell>
          <cell r="W931">
            <v>0</v>
          </cell>
        </row>
        <row r="932">
          <cell r="A932" t="str">
            <v>MBG_bonifici_%</v>
          </cell>
          <cell r="G932">
            <v>0</v>
          </cell>
          <cell r="H932">
            <v>0</v>
          </cell>
          <cell r="I932">
            <v>0</v>
          </cell>
          <cell r="J932">
            <v>0</v>
          </cell>
          <cell r="K932">
            <v>0</v>
          </cell>
          <cell r="L932">
            <v>0</v>
          </cell>
          <cell r="M932">
            <v>0</v>
          </cell>
          <cell r="N932">
            <v>0</v>
          </cell>
          <cell r="O932">
            <v>0</v>
          </cell>
          <cell r="P932">
            <v>0</v>
          </cell>
          <cell r="Q932">
            <v>0</v>
          </cell>
          <cell r="R932">
            <v>0</v>
          </cell>
          <cell r="S932">
            <v>0</v>
          </cell>
          <cell r="T932">
            <v>0</v>
          </cell>
          <cell r="U932">
            <v>0</v>
          </cell>
          <cell r="V932">
            <v>0</v>
          </cell>
          <cell r="W932">
            <v>0</v>
          </cell>
        </row>
        <row r="933">
          <cell r="A933" t="str">
            <v>WID_bonifici_%</v>
          </cell>
          <cell r="G933">
            <v>0</v>
          </cell>
          <cell r="H933">
            <v>0</v>
          </cell>
          <cell r="I933">
            <v>0</v>
          </cell>
          <cell r="J933">
            <v>0</v>
          </cell>
          <cell r="K933">
            <v>0</v>
          </cell>
          <cell r="L933">
            <v>0</v>
          </cell>
          <cell r="M933">
            <v>0</v>
          </cell>
          <cell r="N933">
            <v>0</v>
          </cell>
          <cell r="O933">
            <v>0</v>
          </cell>
          <cell r="P933">
            <v>0</v>
          </cell>
          <cell r="Q933">
            <v>0</v>
          </cell>
          <cell r="R933">
            <v>0</v>
          </cell>
          <cell r="S933">
            <v>0</v>
          </cell>
          <cell r="T933">
            <v>0</v>
          </cell>
          <cell r="U933">
            <v>0</v>
          </cell>
          <cell r="V933">
            <v>0</v>
          </cell>
          <cell r="W933">
            <v>0</v>
          </cell>
        </row>
        <row r="934">
          <cell r="A934" t="str">
            <v>FIN_bonifici_%</v>
          </cell>
          <cell r="G934">
            <v>0</v>
          </cell>
          <cell r="H934">
            <v>0</v>
          </cell>
          <cell r="I934">
            <v>0</v>
          </cell>
          <cell r="J934">
            <v>0</v>
          </cell>
          <cell r="K934">
            <v>0</v>
          </cell>
          <cell r="L934">
            <v>0</v>
          </cell>
          <cell r="M934">
            <v>0</v>
          </cell>
          <cell r="N934">
            <v>0</v>
          </cell>
          <cell r="O934">
            <v>0</v>
          </cell>
          <cell r="P934">
            <v>0</v>
          </cell>
          <cell r="Q934">
            <v>0</v>
          </cell>
          <cell r="R934">
            <v>0</v>
          </cell>
          <cell r="S934">
            <v>0</v>
          </cell>
          <cell r="T934">
            <v>0</v>
          </cell>
          <cell r="U934">
            <v>0</v>
          </cell>
          <cell r="V934">
            <v>0</v>
          </cell>
          <cell r="W934">
            <v>0</v>
          </cell>
        </row>
        <row r="935">
          <cell r="A935" t="str">
            <v>ALM_bonifici_%</v>
          </cell>
          <cell r="G935">
            <v>0</v>
          </cell>
          <cell r="H935">
            <v>0</v>
          </cell>
          <cell r="I935">
            <v>0</v>
          </cell>
          <cell r="J935">
            <v>0</v>
          </cell>
          <cell r="K935">
            <v>0</v>
          </cell>
          <cell r="L935">
            <v>0</v>
          </cell>
          <cell r="M935">
            <v>0</v>
          </cell>
          <cell r="N935">
            <v>0</v>
          </cell>
          <cell r="O935">
            <v>0</v>
          </cell>
          <cell r="P935">
            <v>0</v>
          </cell>
          <cell r="Q935">
            <v>0</v>
          </cell>
          <cell r="R935">
            <v>0</v>
          </cell>
          <cell r="S935">
            <v>0</v>
          </cell>
          <cell r="T935">
            <v>0</v>
          </cell>
          <cell r="U935">
            <v>0</v>
          </cell>
          <cell r="V935">
            <v>0</v>
          </cell>
          <cell r="W935">
            <v>0</v>
          </cell>
        </row>
        <row r="936">
          <cell r="A936" t="str">
            <v>FUO_bonifici_%</v>
          </cell>
          <cell r="G936">
            <v>0</v>
          </cell>
          <cell r="H936">
            <v>0</v>
          </cell>
          <cell r="I936">
            <v>0</v>
          </cell>
          <cell r="J936">
            <v>0</v>
          </cell>
          <cell r="K936">
            <v>0</v>
          </cell>
          <cell r="L936">
            <v>0</v>
          </cell>
          <cell r="M936">
            <v>0</v>
          </cell>
          <cell r="N936">
            <v>0</v>
          </cell>
          <cell r="O936">
            <v>0</v>
          </cell>
          <cell r="P936">
            <v>0</v>
          </cell>
          <cell r="Q936">
            <v>0</v>
          </cell>
          <cell r="R936">
            <v>0</v>
          </cell>
          <cell r="S936">
            <v>0</v>
          </cell>
          <cell r="T936">
            <v>0</v>
          </cell>
          <cell r="U936">
            <v>0</v>
          </cell>
          <cell r="V936">
            <v>0</v>
          </cell>
          <cell r="W936">
            <v>0</v>
          </cell>
        </row>
        <row r="937">
          <cell r="A937" t="str">
            <v>XXX_bonifici_%</v>
          </cell>
          <cell r="G937">
            <v>0</v>
          </cell>
          <cell r="H937">
            <v>0</v>
          </cell>
          <cell r="I937">
            <v>0</v>
          </cell>
          <cell r="J937">
            <v>0</v>
          </cell>
          <cell r="K937">
            <v>0</v>
          </cell>
          <cell r="L937">
            <v>0</v>
          </cell>
          <cell r="M937">
            <v>0</v>
          </cell>
          <cell r="N937">
            <v>0</v>
          </cell>
          <cell r="O937">
            <v>0</v>
          </cell>
          <cell r="P937">
            <v>0</v>
          </cell>
          <cell r="Q937">
            <v>0</v>
          </cell>
          <cell r="R937">
            <v>0</v>
          </cell>
          <cell r="S937">
            <v>0</v>
          </cell>
          <cell r="T937">
            <v>0</v>
          </cell>
          <cell r="U937">
            <v>0</v>
          </cell>
          <cell r="V937">
            <v>0</v>
          </cell>
          <cell r="W937">
            <v>0</v>
          </cell>
        </row>
        <row r="938">
          <cell r="G938">
            <v>0</v>
          </cell>
          <cell r="H938">
            <v>0</v>
          </cell>
          <cell r="I938">
            <v>0</v>
          </cell>
          <cell r="J938">
            <v>0</v>
          </cell>
          <cell r="K938">
            <v>0</v>
          </cell>
          <cell r="L938">
            <v>0</v>
          </cell>
          <cell r="M938">
            <v>0</v>
          </cell>
          <cell r="N938">
            <v>0</v>
          </cell>
          <cell r="O938">
            <v>0</v>
          </cell>
          <cell r="P938">
            <v>0</v>
          </cell>
          <cell r="Q938">
            <v>0</v>
          </cell>
          <cell r="R938">
            <v>0</v>
          </cell>
          <cell r="S938">
            <v>0</v>
          </cell>
          <cell r="T938">
            <v>0</v>
          </cell>
          <cell r="U938">
            <v>0</v>
          </cell>
          <cell r="V938">
            <v>0</v>
          </cell>
          <cell r="W938">
            <v>0</v>
          </cell>
        </row>
        <row r="939">
          <cell r="A939" t="str">
            <v>Val_deleghe_%</v>
          </cell>
          <cell r="G939">
            <v>7.7010790926711622E-7</v>
          </cell>
          <cell r="H939">
            <v>2.1093597667627727E-7</v>
          </cell>
          <cell r="I939">
            <v>4.9052194297169669E-7</v>
          </cell>
          <cell r="J939">
            <v>4.9052194297169669E-7</v>
          </cell>
          <cell r="K939">
            <v>4.9052194297169669E-7</v>
          </cell>
          <cell r="L939">
            <v>4.9052194297169669E-7</v>
          </cell>
          <cell r="M939">
            <v>4.9052194297169669E-7</v>
          </cell>
          <cell r="N939">
            <v>4.9052194297169669E-7</v>
          </cell>
          <cell r="O939">
            <v>4.9052194297169669E-7</v>
          </cell>
          <cell r="P939">
            <v>4.9052194297169669E-7</v>
          </cell>
          <cell r="Q939">
            <v>4.9052194297169669E-7</v>
          </cell>
          <cell r="R939">
            <v>4.9052194297169669E-7</v>
          </cell>
          <cell r="S939">
            <v>4.9052194297169669E-7</v>
          </cell>
          <cell r="T939">
            <v>4.9052194297169669E-7</v>
          </cell>
          <cell r="U939">
            <v>4.9052194297169669E-7</v>
          </cell>
          <cell r="V939">
            <v>4.9052194297169669E-7</v>
          </cell>
          <cell r="W939">
            <v>4.9052194297169669E-7</v>
          </cell>
          <cell r="Y939">
            <v>0</v>
          </cell>
          <cell r="Z939">
            <v>0</v>
          </cell>
        </row>
        <row r="940">
          <cell r="A940" t="str">
            <v>Pre_deleghe_%</v>
          </cell>
          <cell r="G940">
            <v>1.5299236665295672E-6</v>
          </cell>
          <cell r="H940">
            <v>3.2244837561454492E-7</v>
          </cell>
          <cell r="I940">
            <v>9.2618602107205606E-7</v>
          </cell>
          <cell r="J940">
            <v>9.2618602107205606E-7</v>
          </cell>
          <cell r="K940">
            <v>9.2618602107205606E-7</v>
          </cell>
          <cell r="L940">
            <v>9.2618602107205606E-7</v>
          </cell>
          <cell r="M940">
            <v>9.2618602107205606E-7</v>
          </cell>
          <cell r="N940">
            <v>9.2618602107205606E-7</v>
          </cell>
          <cell r="O940">
            <v>9.2618602107205606E-7</v>
          </cell>
          <cell r="P940">
            <v>9.2618602107205606E-7</v>
          </cell>
          <cell r="Q940">
            <v>9.2618602107205606E-7</v>
          </cell>
          <cell r="R940">
            <v>9.2618602107205606E-7</v>
          </cell>
          <cell r="S940">
            <v>9.2618602107205606E-7</v>
          </cell>
          <cell r="T940">
            <v>9.2618602107205606E-7</v>
          </cell>
          <cell r="U940">
            <v>9.2618602107205606E-7</v>
          </cell>
          <cell r="V940">
            <v>9.2618602107205606E-7</v>
          </cell>
          <cell r="W940">
            <v>9.2618602107205606E-7</v>
          </cell>
        </row>
        <row r="941">
          <cell r="A941" t="str">
            <v>Sma_deleghe_%</v>
          </cell>
          <cell r="G941">
            <v>3.5799622584518024E-6</v>
          </cell>
          <cell r="H941">
            <v>1.7786207202983417E-6</v>
          </cell>
          <cell r="I941">
            <v>2.679291489375072E-6</v>
          </cell>
          <cell r="J941">
            <v>2.679291489375072E-6</v>
          </cell>
          <cell r="K941">
            <v>2.679291489375072E-6</v>
          </cell>
          <cell r="L941">
            <v>2.679291489375072E-6</v>
          </cell>
          <cell r="M941">
            <v>2.679291489375072E-6</v>
          </cell>
          <cell r="N941">
            <v>2.679291489375072E-6</v>
          </cell>
          <cell r="O941">
            <v>2.679291489375072E-6</v>
          </cell>
          <cell r="P941">
            <v>2.679291489375072E-6</v>
          </cell>
          <cell r="Q941">
            <v>2.679291489375072E-6</v>
          </cell>
          <cell r="R941">
            <v>2.679291489375072E-6</v>
          </cell>
          <cell r="S941">
            <v>2.679291489375072E-6</v>
          </cell>
          <cell r="T941">
            <v>2.679291489375072E-6</v>
          </cell>
          <cell r="U941">
            <v>2.679291489375072E-6</v>
          </cell>
          <cell r="V941">
            <v>2.679291489375072E-6</v>
          </cell>
          <cell r="W941">
            <v>2.679291489375072E-6</v>
          </cell>
        </row>
        <row r="942">
          <cell r="A942" t="str">
            <v>Pri_deleghe_%</v>
          </cell>
          <cell r="G942">
            <v>1.5486091219729601E-6</v>
          </cell>
          <cell r="H942">
            <v>4.4874851895734598E-7</v>
          </cell>
          <cell r="I942">
            <v>9.9867882046515312E-7</v>
          </cell>
          <cell r="J942">
            <v>9.9867882046515312E-7</v>
          </cell>
          <cell r="K942">
            <v>9.9867882046515312E-7</v>
          </cell>
          <cell r="L942">
            <v>9.9867882046515312E-7</v>
          </cell>
          <cell r="M942">
            <v>9.9867882046515312E-7</v>
          </cell>
          <cell r="N942">
            <v>9.9867882046515312E-7</v>
          </cell>
          <cell r="O942">
            <v>9.9867882046515312E-7</v>
          </cell>
          <cell r="P942">
            <v>9.9867882046515312E-7</v>
          </cell>
          <cell r="Q942">
            <v>9.9867882046515312E-7</v>
          </cell>
          <cell r="R942">
            <v>9.9867882046515312E-7</v>
          </cell>
          <cell r="S942">
            <v>9.9867882046515312E-7</v>
          </cell>
          <cell r="T942">
            <v>9.9867882046515312E-7</v>
          </cell>
          <cell r="U942">
            <v>9.9867882046515312E-7</v>
          </cell>
          <cell r="V942">
            <v>9.9867882046515312E-7</v>
          </cell>
          <cell r="W942">
            <v>9.9867882046515312E-7</v>
          </cell>
        </row>
        <row r="943">
          <cell r="A943" t="str">
            <v>Fam_deleghe_%</v>
          </cell>
          <cell r="G943">
            <v>1.4308915365653237E-6</v>
          </cell>
          <cell r="H943">
            <v>4.645425361155698E-7</v>
          </cell>
          <cell r="I943">
            <v>9.477170363404467E-7</v>
          </cell>
          <cell r="J943">
            <v>9.477170363404467E-7</v>
          </cell>
          <cell r="K943">
            <v>9.477170363404467E-7</v>
          </cell>
          <cell r="L943">
            <v>9.477170363404467E-7</v>
          </cell>
          <cell r="M943">
            <v>9.477170363404467E-7</v>
          </cell>
          <cell r="N943">
            <v>9.477170363404467E-7</v>
          </cell>
          <cell r="O943">
            <v>9.477170363404467E-7</v>
          </cell>
          <cell r="P943">
            <v>9.477170363404467E-7</v>
          </cell>
          <cell r="Q943">
            <v>9.477170363404467E-7</v>
          </cell>
          <cell r="R943">
            <v>9.477170363404467E-7</v>
          </cell>
          <cell r="S943">
            <v>9.477170363404467E-7</v>
          </cell>
          <cell r="T943">
            <v>9.477170363404467E-7</v>
          </cell>
          <cell r="U943">
            <v>9.477170363404467E-7</v>
          </cell>
          <cell r="V943">
            <v>9.477170363404467E-7</v>
          </cell>
          <cell r="W943">
            <v>9.477170363404467E-7</v>
          </cell>
        </row>
        <row r="944">
          <cell r="A944" t="str">
            <v>PMI_deleghe_%</v>
          </cell>
          <cell r="G944">
            <v>2.4955707248962494E-6</v>
          </cell>
          <cell r="H944">
            <v>1.3926281956188496E-6</v>
          </cell>
          <cell r="I944">
            <v>1.9440994602575496E-6</v>
          </cell>
          <cell r="J944">
            <v>1.9440994602575496E-6</v>
          </cell>
          <cell r="K944">
            <v>1.9440994602575496E-6</v>
          </cell>
          <cell r="L944">
            <v>1.9440994602575496E-6</v>
          </cell>
          <cell r="M944">
            <v>1.9440994602575496E-6</v>
          </cell>
          <cell r="N944">
            <v>1.9440994602575496E-6</v>
          </cell>
          <cell r="O944">
            <v>1.9440994602575496E-6</v>
          </cell>
          <cell r="P944">
            <v>1.9440994602575496E-6</v>
          </cell>
          <cell r="Q944">
            <v>1.9440994602575496E-6</v>
          </cell>
          <cell r="R944">
            <v>1.9440994602575496E-6</v>
          </cell>
          <cell r="S944">
            <v>1.9440994602575496E-6</v>
          </cell>
          <cell r="T944">
            <v>1.9440994602575496E-6</v>
          </cell>
          <cell r="U944">
            <v>1.9440994602575496E-6</v>
          </cell>
          <cell r="V944">
            <v>1.9440994602575496E-6</v>
          </cell>
          <cell r="W944">
            <v>1.9440994602575496E-6</v>
          </cell>
        </row>
        <row r="945">
          <cell r="A945" t="str">
            <v>ENT_deleghe_%</v>
          </cell>
          <cell r="G945">
            <v>1.8872997818253128E-6</v>
          </cell>
          <cell r="H945">
            <v>1.2790386695186139E-6</v>
          </cell>
          <cell r="I945">
            <v>1.5831692256719633E-6</v>
          </cell>
          <cell r="J945">
            <v>1.5831692256719633E-6</v>
          </cell>
          <cell r="K945">
            <v>1.5831692256719633E-6</v>
          </cell>
          <cell r="L945">
            <v>1.5831692256719633E-6</v>
          </cell>
          <cell r="M945">
            <v>1.5831692256719633E-6</v>
          </cell>
          <cell r="N945">
            <v>1.5831692256719633E-6</v>
          </cell>
          <cell r="O945">
            <v>1.5831692256719633E-6</v>
          </cell>
          <cell r="P945">
            <v>1.5831692256719633E-6</v>
          </cell>
          <cell r="Q945">
            <v>1.5831692256719633E-6</v>
          </cell>
          <cell r="R945">
            <v>1.5831692256719633E-6</v>
          </cell>
          <cell r="S945">
            <v>1.5831692256719633E-6</v>
          </cell>
          <cell r="T945">
            <v>1.5831692256719633E-6</v>
          </cell>
          <cell r="U945">
            <v>1.5831692256719633E-6</v>
          </cell>
          <cell r="V945">
            <v>1.5831692256719633E-6</v>
          </cell>
          <cell r="W945">
            <v>1.5831692256719633E-6</v>
          </cell>
        </row>
        <row r="946">
          <cell r="A946" t="str">
            <v>Cor_deleghe_%</v>
          </cell>
          <cell r="G946">
            <v>5.7322977846470965E-6</v>
          </cell>
          <cell r="H946">
            <v>2.3751885959379331E-6</v>
          </cell>
          <cell r="I946">
            <v>4.0537431902925152E-6</v>
          </cell>
          <cell r="J946">
            <v>4.0537431902925152E-6</v>
          </cell>
          <cell r="K946">
            <v>4.0537431902925152E-6</v>
          </cell>
          <cell r="L946">
            <v>4.0537431902925152E-6</v>
          </cell>
          <cell r="M946">
            <v>4.0537431902925152E-6</v>
          </cell>
          <cell r="N946">
            <v>4.0537431902925152E-6</v>
          </cell>
          <cell r="O946">
            <v>4.0537431902925152E-6</v>
          </cell>
          <cell r="P946">
            <v>4.0537431902925152E-6</v>
          </cell>
          <cell r="Q946">
            <v>4.0537431902925152E-6</v>
          </cell>
          <cell r="R946">
            <v>4.0537431902925152E-6</v>
          </cell>
          <cell r="S946">
            <v>4.0537431902925152E-6</v>
          </cell>
          <cell r="T946">
            <v>4.0537431902925152E-6</v>
          </cell>
          <cell r="U946">
            <v>4.0537431902925152E-6</v>
          </cell>
          <cell r="V946">
            <v>4.0537431902925152E-6</v>
          </cell>
          <cell r="W946">
            <v>4.0537431902925152E-6</v>
          </cell>
        </row>
        <row r="947">
          <cell r="A947" t="str">
            <v>Gra_deleghe_%</v>
          </cell>
          <cell r="G947">
            <v>8.5970203160270886E-6</v>
          </cell>
          <cell r="H947">
            <v>5.3447070809984715E-6</v>
          </cell>
          <cell r="I947">
            <v>6.97086369851278E-6</v>
          </cell>
          <cell r="J947">
            <v>6.97086369851278E-6</v>
          </cell>
          <cell r="K947">
            <v>6.97086369851278E-6</v>
          </cell>
          <cell r="L947">
            <v>6.97086369851278E-6</v>
          </cell>
          <cell r="M947">
            <v>6.97086369851278E-6</v>
          </cell>
          <cell r="N947">
            <v>6.97086369851278E-6</v>
          </cell>
          <cell r="O947">
            <v>6.97086369851278E-6</v>
          </cell>
          <cell r="P947">
            <v>6.97086369851278E-6</v>
          </cell>
          <cell r="Q947">
            <v>6.97086369851278E-6</v>
          </cell>
          <cell r="R947">
            <v>6.97086369851278E-6</v>
          </cell>
          <cell r="S947">
            <v>6.97086369851278E-6</v>
          </cell>
          <cell r="T947">
            <v>6.97086369851278E-6</v>
          </cell>
          <cell r="U947">
            <v>6.97086369851278E-6</v>
          </cell>
          <cell r="V947">
            <v>6.97086369851278E-6</v>
          </cell>
          <cell r="W947">
            <v>6.97086369851278E-6</v>
          </cell>
        </row>
        <row r="948">
          <cell r="A948" t="str">
            <v>FEX_deleghe_%</v>
          </cell>
          <cell r="G948">
            <v>0</v>
          </cell>
          <cell r="H948">
            <v>0</v>
          </cell>
          <cell r="I948">
            <v>0</v>
          </cell>
          <cell r="J948">
            <v>0</v>
          </cell>
          <cell r="K948">
            <v>0</v>
          </cell>
          <cell r="L948">
            <v>0</v>
          </cell>
          <cell r="M948">
            <v>0</v>
          </cell>
          <cell r="N948">
            <v>0</v>
          </cell>
          <cell r="O948">
            <v>0</v>
          </cell>
          <cell r="P948">
            <v>0</v>
          </cell>
          <cell r="Q948">
            <v>0</v>
          </cell>
          <cell r="R948">
            <v>0</v>
          </cell>
          <cell r="S948">
            <v>0</v>
          </cell>
          <cell r="T948">
            <v>0</v>
          </cell>
          <cell r="U948">
            <v>0</v>
          </cell>
          <cell r="V948">
            <v>0</v>
          </cell>
          <cell r="W948">
            <v>0</v>
          </cell>
        </row>
        <row r="949">
          <cell r="A949" t="str">
            <v>MCL_deleghe_%</v>
          </cell>
          <cell r="G949">
            <v>0</v>
          </cell>
          <cell r="H949">
            <v>0</v>
          </cell>
          <cell r="I949">
            <v>0</v>
          </cell>
          <cell r="J949">
            <v>0</v>
          </cell>
          <cell r="K949">
            <v>0</v>
          </cell>
          <cell r="L949">
            <v>0</v>
          </cell>
          <cell r="M949">
            <v>0</v>
          </cell>
          <cell r="N949">
            <v>0</v>
          </cell>
          <cell r="O949">
            <v>0</v>
          </cell>
          <cell r="P949">
            <v>0</v>
          </cell>
          <cell r="Q949">
            <v>0</v>
          </cell>
          <cell r="R949">
            <v>0</v>
          </cell>
          <cell r="S949">
            <v>0</v>
          </cell>
          <cell r="T949">
            <v>0</v>
          </cell>
          <cell r="U949">
            <v>0</v>
          </cell>
          <cell r="V949">
            <v>0</v>
          </cell>
          <cell r="W949">
            <v>0</v>
          </cell>
        </row>
        <row r="950">
          <cell r="A950" t="str">
            <v>MCG_deleghe_%</v>
          </cell>
          <cell r="G950">
            <v>0</v>
          </cell>
          <cell r="H950">
            <v>0</v>
          </cell>
          <cell r="I950">
            <v>0</v>
          </cell>
          <cell r="J950">
            <v>0</v>
          </cell>
          <cell r="K950">
            <v>0</v>
          </cell>
          <cell r="L950">
            <v>0</v>
          </cell>
          <cell r="M950">
            <v>0</v>
          </cell>
          <cell r="N950">
            <v>0</v>
          </cell>
          <cell r="O950">
            <v>0</v>
          </cell>
          <cell r="P950">
            <v>0</v>
          </cell>
          <cell r="Q950">
            <v>0</v>
          </cell>
          <cell r="R950">
            <v>0</v>
          </cell>
          <cell r="S950">
            <v>0</v>
          </cell>
          <cell r="T950">
            <v>0</v>
          </cell>
          <cell r="U950">
            <v>0</v>
          </cell>
          <cell r="V950">
            <v>0</v>
          </cell>
          <cell r="W950">
            <v>0</v>
          </cell>
        </row>
        <row r="951">
          <cell r="A951" t="str">
            <v>MLE_deleghe_%</v>
          </cell>
          <cell r="G951">
            <v>0</v>
          </cell>
          <cell r="H951">
            <v>0</v>
          </cell>
          <cell r="I951">
            <v>0</v>
          </cell>
          <cell r="J951">
            <v>0</v>
          </cell>
          <cell r="K951">
            <v>0</v>
          </cell>
          <cell r="L951">
            <v>0</v>
          </cell>
          <cell r="M951">
            <v>0</v>
          </cell>
          <cell r="N951">
            <v>0</v>
          </cell>
          <cell r="O951">
            <v>0</v>
          </cell>
          <cell r="P951">
            <v>0</v>
          </cell>
          <cell r="Q951">
            <v>0</v>
          </cell>
          <cell r="R951">
            <v>0</v>
          </cell>
          <cell r="S951">
            <v>0</v>
          </cell>
          <cell r="T951">
            <v>0</v>
          </cell>
          <cell r="U951">
            <v>0</v>
          </cell>
          <cell r="V951">
            <v>0</v>
          </cell>
          <cell r="W951">
            <v>0</v>
          </cell>
        </row>
        <row r="952">
          <cell r="A952" t="str">
            <v>MFA_deleghe_%</v>
          </cell>
          <cell r="G952">
            <v>0</v>
          </cell>
          <cell r="H952">
            <v>0</v>
          </cell>
          <cell r="I952">
            <v>0</v>
          </cell>
          <cell r="J952">
            <v>0</v>
          </cell>
          <cell r="K952">
            <v>0</v>
          </cell>
          <cell r="L952">
            <v>0</v>
          </cell>
          <cell r="M952">
            <v>0</v>
          </cell>
          <cell r="N952">
            <v>0</v>
          </cell>
          <cell r="O952">
            <v>0</v>
          </cell>
          <cell r="P952">
            <v>0</v>
          </cell>
          <cell r="Q952">
            <v>0</v>
          </cell>
          <cell r="R952">
            <v>0</v>
          </cell>
          <cell r="S952">
            <v>0</v>
          </cell>
          <cell r="T952">
            <v>0</v>
          </cell>
          <cell r="U952">
            <v>0</v>
          </cell>
          <cell r="V952">
            <v>0</v>
          </cell>
          <cell r="W952">
            <v>0</v>
          </cell>
        </row>
        <row r="953">
          <cell r="A953" t="str">
            <v>MBQ_deleghe_%</v>
          </cell>
          <cell r="G953">
            <v>0</v>
          </cell>
          <cell r="H953">
            <v>0</v>
          </cell>
          <cell r="I953">
            <v>0</v>
          </cell>
          <cell r="J953">
            <v>0</v>
          </cell>
          <cell r="K953">
            <v>0</v>
          </cell>
          <cell r="L953">
            <v>0</v>
          </cell>
          <cell r="M953">
            <v>0</v>
          </cell>
          <cell r="N953">
            <v>0</v>
          </cell>
          <cell r="O953">
            <v>0</v>
          </cell>
          <cell r="P953">
            <v>0</v>
          </cell>
          <cell r="Q953">
            <v>0</v>
          </cell>
          <cell r="R953">
            <v>0</v>
          </cell>
          <cell r="S953">
            <v>0</v>
          </cell>
          <cell r="T953">
            <v>0</v>
          </cell>
          <cell r="U953">
            <v>0</v>
          </cell>
          <cell r="V953">
            <v>0</v>
          </cell>
          <cell r="W953">
            <v>0</v>
          </cell>
        </row>
        <row r="954">
          <cell r="A954" t="str">
            <v>MBG_deleghe_%</v>
          </cell>
          <cell r="G954">
            <v>0</v>
          </cell>
          <cell r="H954">
            <v>0</v>
          </cell>
          <cell r="I954">
            <v>0</v>
          </cell>
          <cell r="J954">
            <v>0</v>
          </cell>
          <cell r="K954">
            <v>0</v>
          </cell>
          <cell r="L954">
            <v>0</v>
          </cell>
          <cell r="M954">
            <v>0</v>
          </cell>
          <cell r="N954">
            <v>0</v>
          </cell>
          <cell r="O954">
            <v>0</v>
          </cell>
          <cell r="P954">
            <v>0</v>
          </cell>
          <cell r="Q954">
            <v>0</v>
          </cell>
          <cell r="R954">
            <v>0</v>
          </cell>
          <cell r="S954">
            <v>0</v>
          </cell>
          <cell r="T954">
            <v>0</v>
          </cell>
          <cell r="U954">
            <v>0</v>
          </cell>
          <cell r="V954">
            <v>0</v>
          </cell>
          <cell r="W954">
            <v>0</v>
          </cell>
        </row>
        <row r="955">
          <cell r="A955" t="str">
            <v>WID_deleghe_%</v>
          </cell>
          <cell r="G955">
            <v>0</v>
          </cell>
          <cell r="H955">
            <v>0</v>
          </cell>
          <cell r="I955">
            <v>0</v>
          </cell>
          <cell r="J955">
            <v>0</v>
          </cell>
          <cell r="K955">
            <v>0</v>
          </cell>
          <cell r="L955">
            <v>0</v>
          </cell>
          <cell r="M955">
            <v>0</v>
          </cell>
          <cell r="N955">
            <v>0</v>
          </cell>
          <cell r="O955">
            <v>0</v>
          </cell>
          <cell r="P955">
            <v>0</v>
          </cell>
          <cell r="Q955">
            <v>0</v>
          </cell>
          <cell r="R955">
            <v>0</v>
          </cell>
          <cell r="S955">
            <v>0</v>
          </cell>
          <cell r="T955">
            <v>0</v>
          </cell>
          <cell r="U955">
            <v>0</v>
          </cell>
          <cell r="V955">
            <v>0</v>
          </cell>
          <cell r="W955">
            <v>0</v>
          </cell>
        </row>
        <row r="956">
          <cell r="A956" t="str">
            <v>FIN_deleghe_%</v>
          </cell>
          <cell r="G956">
            <v>0</v>
          </cell>
          <cell r="H956">
            <v>0</v>
          </cell>
          <cell r="I956">
            <v>0</v>
          </cell>
          <cell r="J956">
            <v>0</v>
          </cell>
          <cell r="K956">
            <v>0</v>
          </cell>
          <cell r="L956">
            <v>0</v>
          </cell>
          <cell r="M956">
            <v>0</v>
          </cell>
          <cell r="N956">
            <v>0</v>
          </cell>
          <cell r="O956">
            <v>0</v>
          </cell>
          <cell r="P956">
            <v>0</v>
          </cell>
          <cell r="Q956">
            <v>0</v>
          </cell>
          <cell r="R956">
            <v>0</v>
          </cell>
          <cell r="S956">
            <v>0</v>
          </cell>
          <cell r="T956">
            <v>0</v>
          </cell>
          <cell r="U956">
            <v>0</v>
          </cell>
          <cell r="V956">
            <v>0</v>
          </cell>
          <cell r="W956">
            <v>0</v>
          </cell>
        </row>
        <row r="957">
          <cell r="A957" t="str">
            <v>ALM_deleghe_%</v>
          </cell>
          <cell r="G957">
            <v>0</v>
          </cell>
          <cell r="H957">
            <v>0</v>
          </cell>
          <cell r="I957">
            <v>0</v>
          </cell>
          <cell r="J957">
            <v>0</v>
          </cell>
          <cell r="K957">
            <v>0</v>
          </cell>
          <cell r="L957">
            <v>0</v>
          </cell>
          <cell r="M957">
            <v>0</v>
          </cell>
          <cell r="N957">
            <v>0</v>
          </cell>
          <cell r="O957">
            <v>0</v>
          </cell>
          <cell r="P957">
            <v>0</v>
          </cell>
          <cell r="Q957">
            <v>0</v>
          </cell>
          <cell r="R957">
            <v>0</v>
          </cell>
          <cell r="S957">
            <v>0</v>
          </cell>
          <cell r="T957">
            <v>0</v>
          </cell>
          <cell r="U957">
            <v>0</v>
          </cell>
          <cell r="V957">
            <v>0</v>
          </cell>
          <cell r="W957">
            <v>0</v>
          </cell>
        </row>
        <row r="958">
          <cell r="A958" t="str">
            <v>FUO_deleghe_%</v>
          </cell>
          <cell r="G958">
            <v>0</v>
          </cell>
          <cell r="H958">
            <v>0</v>
          </cell>
          <cell r="I958">
            <v>0</v>
          </cell>
          <cell r="J958">
            <v>0</v>
          </cell>
          <cell r="K958">
            <v>0</v>
          </cell>
          <cell r="L958">
            <v>0</v>
          </cell>
          <cell r="M958">
            <v>0</v>
          </cell>
          <cell r="N958">
            <v>0</v>
          </cell>
          <cell r="O958">
            <v>0</v>
          </cell>
          <cell r="P958">
            <v>0</v>
          </cell>
          <cell r="Q958">
            <v>0</v>
          </cell>
          <cell r="R958">
            <v>0</v>
          </cell>
          <cell r="S958">
            <v>0</v>
          </cell>
          <cell r="T958">
            <v>0</v>
          </cell>
          <cell r="U958">
            <v>0</v>
          </cell>
          <cell r="V958">
            <v>0</v>
          </cell>
          <cell r="W958">
            <v>0</v>
          </cell>
        </row>
        <row r="959">
          <cell r="A959" t="str">
            <v>XXX_deleghe_%</v>
          </cell>
          <cell r="G959">
            <v>0</v>
          </cell>
          <cell r="H959">
            <v>0</v>
          </cell>
          <cell r="I959">
            <v>0</v>
          </cell>
          <cell r="J959">
            <v>0</v>
          </cell>
          <cell r="K959">
            <v>0</v>
          </cell>
          <cell r="L959">
            <v>0</v>
          </cell>
          <cell r="M959">
            <v>0</v>
          </cell>
          <cell r="N959">
            <v>0</v>
          </cell>
          <cell r="O959">
            <v>0</v>
          </cell>
          <cell r="P959">
            <v>0</v>
          </cell>
          <cell r="Q959">
            <v>0</v>
          </cell>
          <cell r="R959">
            <v>0</v>
          </cell>
          <cell r="S959">
            <v>0</v>
          </cell>
          <cell r="T959">
            <v>0</v>
          </cell>
          <cell r="U959">
            <v>0</v>
          </cell>
          <cell r="V959">
            <v>0</v>
          </cell>
          <cell r="W959">
            <v>0</v>
          </cell>
        </row>
        <row r="960">
          <cell r="G960">
            <v>0</v>
          </cell>
          <cell r="H960">
            <v>0</v>
          </cell>
          <cell r="I960">
            <v>0</v>
          </cell>
          <cell r="J960">
            <v>0</v>
          </cell>
          <cell r="K960">
            <v>0</v>
          </cell>
          <cell r="L960">
            <v>0</v>
          </cell>
          <cell r="M960">
            <v>0</v>
          </cell>
          <cell r="N960">
            <v>0</v>
          </cell>
          <cell r="O960">
            <v>0</v>
          </cell>
          <cell r="P960">
            <v>0</v>
          </cell>
          <cell r="Q960">
            <v>0</v>
          </cell>
          <cell r="R960">
            <v>0</v>
          </cell>
          <cell r="S960">
            <v>0</v>
          </cell>
          <cell r="T960">
            <v>0</v>
          </cell>
          <cell r="U960">
            <v>0</v>
          </cell>
          <cell r="V960">
            <v>0</v>
          </cell>
          <cell r="W960">
            <v>0</v>
          </cell>
        </row>
        <row r="961">
          <cell r="A961" t="str">
            <v>Val_remote_%</v>
          </cell>
          <cell r="G961">
            <v>1.596394224489226E-7</v>
          </cell>
          <cell r="H961">
            <v>1.5768674901055662E-7</v>
          </cell>
          <cell r="I961">
            <v>1.5866308572973962E-7</v>
          </cell>
          <cell r="J961">
            <v>1.5866308572973962E-7</v>
          </cell>
          <cell r="K961">
            <v>1.5866308572973962E-7</v>
          </cell>
          <cell r="L961">
            <v>1.5866308572973962E-7</v>
          </cell>
          <cell r="M961">
            <v>1.5866308572973962E-7</v>
          </cell>
          <cell r="N961">
            <v>1.5866308572973962E-7</v>
          </cell>
          <cell r="O961">
            <v>1.5866308572973962E-7</v>
          </cell>
          <cell r="P961">
            <v>1.5866308572973962E-7</v>
          </cell>
          <cell r="Q961">
            <v>1.5866308572973962E-7</v>
          </cell>
          <cell r="R961">
            <v>1.5866308572973962E-7</v>
          </cell>
          <cell r="S961">
            <v>1.5866308572973962E-7</v>
          </cell>
          <cell r="T961">
            <v>1.5866308572973962E-7</v>
          </cell>
          <cell r="U961">
            <v>1.5866308572973962E-7</v>
          </cell>
          <cell r="V961">
            <v>1.5866308572973962E-7</v>
          </cell>
          <cell r="W961">
            <v>1.5866308572973962E-7</v>
          </cell>
          <cell r="Y961">
            <v>0</v>
          </cell>
          <cell r="Z961">
            <v>0</v>
          </cell>
        </row>
        <row r="962">
          <cell r="A962" t="str">
            <v>Pre_remote_%</v>
          </cell>
          <cell r="G962">
            <v>1.3671888284277456E-7</v>
          </cell>
          <cell r="H962">
            <v>1.3793627948867774E-7</v>
          </cell>
          <cell r="I962">
            <v>1.3732758116572616E-7</v>
          </cell>
          <cell r="J962">
            <v>1.3732758116572616E-7</v>
          </cell>
          <cell r="K962">
            <v>1.3732758116572616E-7</v>
          </cell>
          <cell r="L962">
            <v>1.3732758116572616E-7</v>
          </cell>
          <cell r="M962">
            <v>1.3732758116572616E-7</v>
          </cell>
          <cell r="N962">
            <v>1.3732758116572616E-7</v>
          </cell>
          <cell r="O962">
            <v>1.3732758116572616E-7</v>
          </cell>
          <cell r="P962">
            <v>1.3732758116572616E-7</v>
          </cell>
          <cell r="Q962">
            <v>1.3732758116572616E-7</v>
          </cell>
          <cell r="R962">
            <v>1.3732758116572616E-7</v>
          </cell>
          <cell r="S962">
            <v>1.3732758116572616E-7</v>
          </cell>
          <cell r="T962">
            <v>1.3732758116572616E-7</v>
          </cell>
          <cell r="U962">
            <v>1.3732758116572616E-7</v>
          </cell>
          <cell r="V962">
            <v>1.3732758116572616E-7</v>
          </cell>
          <cell r="W962">
            <v>1.3732758116572616E-7</v>
          </cell>
        </row>
        <row r="963">
          <cell r="A963" t="str">
            <v>Sma_remote_%</v>
          </cell>
          <cell r="G963">
            <v>2.7558527011751152E-6</v>
          </cell>
          <cell r="H963">
            <v>2.6139067589638932E-6</v>
          </cell>
          <cell r="I963">
            <v>2.6848797300695044E-6</v>
          </cell>
          <cell r="J963">
            <v>2.6848797300695044E-6</v>
          </cell>
          <cell r="K963">
            <v>2.6848797300695044E-6</v>
          </cell>
          <cell r="L963">
            <v>2.6848797300695044E-6</v>
          </cell>
          <cell r="M963">
            <v>2.6848797300695044E-6</v>
          </cell>
          <cell r="N963">
            <v>2.6848797300695044E-6</v>
          </cell>
          <cell r="O963">
            <v>2.6848797300695044E-6</v>
          </cell>
          <cell r="P963">
            <v>2.6848797300695044E-6</v>
          </cell>
          <cell r="Q963">
            <v>2.6848797300695044E-6</v>
          </cell>
          <cell r="R963">
            <v>2.6848797300695044E-6</v>
          </cell>
          <cell r="S963">
            <v>2.6848797300695044E-6</v>
          </cell>
          <cell r="T963">
            <v>2.6848797300695044E-6</v>
          </cell>
          <cell r="U963">
            <v>2.6848797300695044E-6</v>
          </cell>
          <cell r="V963">
            <v>2.6848797300695044E-6</v>
          </cell>
          <cell r="W963">
            <v>2.6848797300695044E-6</v>
          </cell>
        </row>
        <row r="964">
          <cell r="A964" t="str">
            <v>Pri_remote_%</v>
          </cell>
          <cell r="G964">
            <v>2.054880404100431E-7</v>
          </cell>
          <cell r="H964">
            <v>2.0452399289099524E-7</v>
          </cell>
          <cell r="I964">
            <v>2.0500601665051917E-7</v>
          </cell>
          <cell r="J964">
            <v>2.0500601665051917E-7</v>
          </cell>
          <cell r="K964">
            <v>2.0500601665051917E-7</v>
          </cell>
          <cell r="L964">
            <v>2.0500601665051917E-7</v>
          </cell>
          <cell r="M964">
            <v>2.0500601665051917E-7</v>
          </cell>
          <cell r="N964">
            <v>2.0500601665051917E-7</v>
          </cell>
          <cell r="O964">
            <v>2.0500601665051917E-7</v>
          </cell>
          <cell r="P964">
            <v>2.0500601665051917E-7</v>
          </cell>
          <cell r="Q964">
            <v>2.0500601665051917E-7</v>
          </cell>
          <cell r="R964">
            <v>2.0500601665051917E-7</v>
          </cell>
          <cell r="S964">
            <v>2.0500601665051917E-7</v>
          </cell>
          <cell r="T964">
            <v>2.0500601665051917E-7</v>
          </cell>
          <cell r="U964">
            <v>2.0500601665051917E-7</v>
          </cell>
          <cell r="V964">
            <v>2.0500601665051917E-7</v>
          </cell>
          <cell r="W964">
            <v>2.0500601665051917E-7</v>
          </cell>
        </row>
        <row r="965">
          <cell r="A965" t="str">
            <v>Fam_remote_%</v>
          </cell>
          <cell r="G965">
            <v>3.0410024650780591E-7</v>
          </cell>
          <cell r="H965">
            <v>2.9207463884430178E-7</v>
          </cell>
          <cell r="I965">
            <v>2.9808744267605387E-7</v>
          </cell>
          <cell r="J965">
            <v>2.9808744267605387E-7</v>
          </cell>
          <cell r="K965">
            <v>2.9808744267605387E-7</v>
          </cell>
          <cell r="L965">
            <v>2.9808744267605387E-7</v>
          </cell>
          <cell r="M965">
            <v>2.9808744267605387E-7</v>
          </cell>
          <cell r="N965">
            <v>2.9808744267605387E-7</v>
          </cell>
          <cell r="O965">
            <v>2.9808744267605387E-7</v>
          </cell>
          <cell r="P965">
            <v>2.9808744267605387E-7</v>
          </cell>
          <cell r="Q965">
            <v>2.9808744267605387E-7</v>
          </cell>
          <cell r="R965">
            <v>2.9808744267605387E-7</v>
          </cell>
          <cell r="S965">
            <v>2.9808744267605387E-7</v>
          </cell>
          <cell r="T965">
            <v>2.9808744267605387E-7</v>
          </cell>
          <cell r="U965">
            <v>2.9808744267605387E-7</v>
          </cell>
          <cell r="V965">
            <v>2.9808744267605387E-7</v>
          </cell>
          <cell r="W965">
            <v>2.9808744267605387E-7</v>
          </cell>
        </row>
        <row r="966">
          <cell r="A966" t="str">
            <v>PMI_remote_%</v>
          </cell>
          <cell r="G966">
            <v>7.3425753403405332E-6</v>
          </cell>
          <cell r="H966">
            <v>6.7828571428571428E-6</v>
          </cell>
          <cell r="I966">
            <v>7.062716241598838E-6</v>
          </cell>
          <cell r="J966">
            <v>7.062716241598838E-6</v>
          </cell>
          <cell r="K966">
            <v>7.062716241598838E-6</v>
          </cell>
          <cell r="L966">
            <v>7.062716241598838E-6</v>
          </cell>
          <cell r="M966">
            <v>7.062716241598838E-6</v>
          </cell>
          <cell r="N966">
            <v>7.062716241598838E-6</v>
          </cell>
          <cell r="O966">
            <v>7.062716241598838E-6</v>
          </cell>
          <cell r="P966">
            <v>7.062716241598838E-6</v>
          </cell>
          <cell r="Q966">
            <v>7.062716241598838E-6</v>
          </cell>
          <cell r="R966">
            <v>7.062716241598838E-6</v>
          </cell>
          <cell r="S966">
            <v>7.062716241598838E-6</v>
          </cell>
          <cell r="T966">
            <v>7.062716241598838E-6</v>
          </cell>
          <cell r="U966">
            <v>7.062716241598838E-6</v>
          </cell>
          <cell r="V966">
            <v>7.062716241598838E-6</v>
          </cell>
          <cell r="W966">
            <v>7.062716241598838E-6</v>
          </cell>
        </row>
        <row r="967">
          <cell r="A967" t="str">
            <v>ENT_remote_%</v>
          </cell>
          <cell r="G967">
            <v>2.2141274238227144E-6</v>
          </cell>
          <cell r="H967">
            <v>1.9493383642961862E-6</v>
          </cell>
          <cell r="I967">
            <v>2.0817328940594503E-6</v>
          </cell>
          <cell r="J967">
            <v>2.0817328940594503E-6</v>
          </cell>
          <cell r="K967">
            <v>2.0817328940594503E-6</v>
          </cell>
          <cell r="L967">
            <v>2.0817328940594503E-6</v>
          </cell>
          <cell r="M967">
            <v>2.0817328940594503E-6</v>
          </cell>
          <cell r="N967">
            <v>2.0817328940594503E-6</v>
          </cell>
          <cell r="O967">
            <v>2.0817328940594503E-6</v>
          </cell>
          <cell r="P967">
            <v>2.0817328940594503E-6</v>
          </cell>
          <cell r="Q967">
            <v>2.0817328940594503E-6</v>
          </cell>
          <cell r="R967">
            <v>2.0817328940594503E-6</v>
          </cell>
          <cell r="S967">
            <v>2.0817328940594503E-6</v>
          </cell>
          <cell r="T967">
            <v>2.0817328940594503E-6</v>
          </cell>
          <cell r="U967">
            <v>2.0817328940594503E-6</v>
          </cell>
          <cell r="V967">
            <v>2.0817328940594503E-6</v>
          </cell>
          <cell r="W967">
            <v>2.0817328940594503E-6</v>
          </cell>
        </row>
        <row r="968">
          <cell r="A968" t="str">
            <v>Cor_remote_%</v>
          </cell>
          <cell r="G968">
            <v>7.1574935600206041E-6</v>
          </cell>
          <cell r="H968">
            <v>5.7944543963668469E-6</v>
          </cell>
          <cell r="I968">
            <v>6.4759739781937255E-6</v>
          </cell>
          <cell r="J968">
            <v>6.4759739781937255E-6</v>
          </cell>
          <cell r="K968">
            <v>6.4759739781937255E-6</v>
          </cell>
          <cell r="L968">
            <v>6.4759739781937255E-6</v>
          </cell>
          <cell r="M968">
            <v>6.4759739781937255E-6</v>
          </cell>
          <cell r="N968">
            <v>6.4759739781937255E-6</v>
          </cell>
          <cell r="O968">
            <v>6.4759739781937255E-6</v>
          </cell>
          <cell r="P968">
            <v>6.4759739781937255E-6</v>
          </cell>
          <cell r="Q968">
            <v>6.4759739781937255E-6</v>
          </cell>
          <cell r="R968">
            <v>6.4759739781937255E-6</v>
          </cell>
          <cell r="S968">
            <v>6.4759739781937255E-6</v>
          </cell>
          <cell r="T968">
            <v>6.4759739781937255E-6</v>
          </cell>
          <cell r="U968">
            <v>6.4759739781937255E-6</v>
          </cell>
          <cell r="V968">
            <v>6.4759739781937255E-6</v>
          </cell>
          <cell r="W968">
            <v>6.4759739781937255E-6</v>
          </cell>
        </row>
        <row r="969">
          <cell r="A969" t="str">
            <v>Gra_remote_%</v>
          </cell>
          <cell r="G969">
            <v>3.666215199398041E-6</v>
          </cell>
          <cell r="H969">
            <v>3.215690269994906E-6</v>
          </cell>
          <cell r="I969">
            <v>3.4409527346964733E-6</v>
          </cell>
          <cell r="J969">
            <v>3.4409527346964733E-6</v>
          </cell>
          <cell r="K969">
            <v>3.4409527346964733E-6</v>
          </cell>
          <cell r="L969">
            <v>3.4409527346964733E-6</v>
          </cell>
          <cell r="M969">
            <v>3.4409527346964733E-6</v>
          </cell>
          <cell r="N969">
            <v>3.4409527346964733E-6</v>
          </cell>
          <cell r="O969">
            <v>3.4409527346964733E-6</v>
          </cell>
          <cell r="P969">
            <v>3.4409527346964733E-6</v>
          </cell>
          <cell r="Q969">
            <v>3.4409527346964733E-6</v>
          </cell>
          <cell r="R969">
            <v>3.4409527346964733E-6</v>
          </cell>
          <cell r="S969">
            <v>3.4409527346964733E-6</v>
          </cell>
          <cell r="T969">
            <v>3.4409527346964733E-6</v>
          </cell>
          <cell r="U969">
            <v>3.4409527346964733E-6</v>
          </cell>
          <cell r="V969">
            <v>3.4409527346964733E-6</v>
          </cell>
          <cell r="W969">
            <v>3.4409527346964733E-6</v>
          </cell>
        </row>
        <row r="970">
          <cell r="A970" t="str">
            <v>FEX_remote_%</v>
          </cell>
          <cell r="G970">
            <v>0</v>
          </cell>
          <cell r="H970">
            <v>0</v>
          </cell>
          <cell r="I970">
            <v>0</v>
          </cell>
          <cell r="J970">
            <v>0</v>
          </cell>
          <cell r="K970">
            <v>0</v>
          </cell>
          <cell r="L970">
            <v>0</v>
          </cell>
          <cell r="M970">
            <v>0</v>
          </cell>
          <cell r="N970">
            <v>0</v>
          </cell>
          <cell r="O970">
            <v>0</v>
          </cell>
          <cell r="P970">
            <v>0</v>
          </cell>
          <cell r="Q970">
            <v>0</v>
          </cell>
          <cell r="R970">
            <v>0</v>
          </cell>
          <cell r="S970">
            <v>0</v>
          </cell>
          <cell r="T970">
            <v>0</v>
          </cell>
          <cell r="U970">
            <v>0</v>
          </cell>
          <cell r="V970">
            <v>0</v>
          </cell>
          <cell r="W970">
            <v>0</v>
          </cell>
        </row>
        <row r="971">
          <cell r="A971" t="str">
            <v>MCL_remote_%</v>
          </cell>
          <cell r="G971">
            <v>0</v>
          </cell>
          <cell r="H971">
            <v>0</v>
          </cell>
          <cell r="I971">
            <v>0</v>
          </cell>
          <cell r="J971">
            <v>0</v>
          </cell>
          <cell r="K971">
            <v>0</v>
          </cell>
          <cell r="L971">
            <v>0</v>
          </cell>
          <cell r="M971">
            <v>0</v>
          </cell>
          <cell r="N971">
            <v>0</v>
          </cell>
          <cell r="O971">
            <v>0</v>
          </cell>
          <cell r="P971">
            <v>0</v>
          </cell>
          <cell r="Q971">
            <v>0</v>
          </cell>
          <cell r="R971">
            <v>0</v>
          </cell>
          <cell r="S971">
            <v>0</v>
          </cell>
          <cell r="T971">
            <v>0</v>
          </cell>
          <cell r="U971">
            <v>0</v>
          </cell>
          <cell r="V971">
            <v>0</v>
          </cell>
          <cell r="W971">
            <v>0</v>
          </cell>
        </row>
        <row r="972">
          <cell r="A972" t="str">
            <v>MCG_remote_%</v>
          </cell>
          <cell r="G972">
            <v>0</v>
          </cell>
          <cell r="H972">
            <v>0</v>
          </cell>
          <cell r="I972">
            <v>0</v>
          </cell>
          <cell r="J972">
            <v>0</v>
          </cell>
          <cell r="K972">
            <v>0</v>
          </cell>
          <cell r="L972">
            <v>0</v>
          </cell>
          <cell r="M972">
            <v>0</v>
          </cell>
          <cell r="N972">
            <v>0</v>
          </cell>
          <cell r="O972">
            <v>0</v>
          </cell>
          <cell r="P972">
            <v>0</v>
          </cell>
          <cell r="Q972">
            <v>0</v>
          </cell>
          <cell r="R972">
            <v>0</v>
          </cell>
          <cell r="S972">
            <v>0</v>
          </cell>
          <cell r="T972">
            <v>0</v>
          </cell>
          <cell r="U972">
            <v>0</v>
          </cell>
          <cell r="V972">
            <v>0</v>
          </cell>
          <cell r="W972">
            <v>0</v>
          </cell>
        </row>
        <row r="973">
          <cell r="A973" t="str">
            <v>MLE_remote_%</v>
          </cell>
          <cell r="G973">
            <v>0</v>
          </cell>
          <cell r="H973">
            <v>0</v>
          </cell>
          <cell r="I973">
            <v>0</v>
          </cell>
          <cell r="J973">
            <v>0</v>
          </cell>
          <cell r="K973">
            <v>0</v>
          </cell>
          <cell r="L973">
            <v>0</v>
          </cell>
          <cell r="M973">
            <v>0</v>
          </cell>
          <cell r="N973">
            <v>0</v>
          </cell>
          <cell r="O973">
            <v>0</v>
          </cell>
          <cell r="P973">
            <v>0</v>
          </cell>
          <cell r="Q973">
            <v>0</v>
          </cell>
          <cell r="R973">
            <v>0</v>
          </cell>
          <cell r="S973">
            <v>0</v>
          </cell>
          <cell r="T973">
            <v>0</v>
          </cell>
          <cell r="U973">
            <v>0</v>
          </cell>
          <cell r="V973">
            <v>0</v>
          </cell>
          <cell r="W973">
            <v>0</v>
          </cell>
        </row>
        <row r="974">
          <cell r="A974" t="str">
            <v>MFA_remote_%</v>
          </cell>
          <cell r="G974">
            <v>0</v>
          </cell>
          <cell r="H974">
            <v>0</v>
          </cell>
          <cell r="I974">
            <v>0</v>
          </cell>
          <cell r="J974">
            <v>0</v>
          </cell>
          <cell r="K974">
            <v>0</v>
          </cell>
          <cell r="L974">
            <v>0</v>
          </cell>
          <cell r="M974">
            <v>0</v>
          </cell>
          <cell r="N974">
            <v>0</v>
          </cell>
          <cell r="O974">
            <v>0</v>
          </cell>
          <cell r="P974">
            <v>0</v>
          </cell>
          <cell r="Q974">
            <v>0</v>
          </cell>
          <cell r="R974">
            <v>0</v>
          </cell>
          <cell r="S974">
            <v>0</v>
          </cell>
          <cell r="T974">
            <v>0</v>
          </cell>
          <cell r="U974">
            <v>0</v>
          </cell>
          <cell r="V974">
            <v>0</v>
          </cell>
          <cell r="W974">
            <v>0</v>
          </cell>
        </row>
        <row r="975">
          <cell r="A975" t="str">
            <v>MBQ_remote_%</v>
          </cell>
          <cell r="G975">
            <v>0</v>
          </cell>
          <cell r="H975">
            <v>0</v>
          </cell>
          <cell r="I975">
            <v>0</v>
          </cell>
          <cell r="J975">
            <v>0</v>
          </cell>
          <cell r="K975">
            <v>0</v>
          </cell>
          <cell r="L975">
            <v>0</v>
          </cell>
          <cell r="M975">
            <v>0</v>
          </cell>
          <cell r="N975">
            <v>0</v>
          </cell>
          <cell r="O975">
            <v>0</v>
          </cell>
          <cell r="P975">
            <v>0</v>
          </cell>
          <cell r="Q975">
            <v>0</v>
          </cell>
          <cell r="R975">
            <v>0</v>
          </cell>
          <cell r="S975">
            <v>0</v>
          </cell>
          <cell r="T975">
            <v>0</v>
          </cell>
          <cell r="U975">
            <v>0</v>
          </cell>
          <cell r="V975">
            <v>0</v>
          </cell>
          <cell r="W975">
            <v>0</v>
          </cell>
        </row>
        <row r="976">
          <cell r="A976" t="str">
            <v>MBG_remote_%</v>
          </cell>
          <cell r="G976">
            <v>0</v>
          </cell>
          <cell r="H976">
            <v>0</v>
          </cell>
          <cell r="I976">
            <v>0</v>
          </cell>
          <cell r="J976">
            <v>0</v>
          </cell>
          <cell r="K976">
            <v>0</v>
          </cell>
          <cell r="L976">
            <v>0</v>
          </cell>
          <cell r="M976">
            <v>0</v>
          </cell>
          <cell r="N976">
            <v>0</v>
          </cell>
          <cell r="O976">
            <v>0</v>
          </cell>
          <cell r="P976">
            <v>0</v>
          </cell>
          <cell r="Q976">
            <v>0</v>
          </cell>
          <cell r="R976">
            <v>0</v>
          </cell>
          <cell r="S976">
            <v>0</v>
          </cell>
          <cell r="T976">
            <v>0</v>
          </cell>
          <cell r="U976">
            <v>0</v>
          </cell>
          <cell r="V976">
            <v>0</v>
          </cell>
          <cell r="W976">
            <v>0</v>
          </cell>
        </row>
        <row r="977">
          <cell r="A977" t="str">
            <v>WID_remote_%</v>
          </cell>
          <cell r="G977">
            <v>0</v>
          </cell>
          <cell r="H977">
            <v>0</v>
          </cell>
          <cell r="I977">
            <v>0</v>
          </cell>
          <cell r="J977">
            <v>0</v>
          </cell>
          <cell r="K977">
            <v>0</v>
          </cell>
          <cell r="L977">
            <v>0</v>
          </cell>
          <cell r="M977">
            <v>0</v>
          </cell>
          <cell r="N977">
            <v>0</v>
          </cell>
          <cell r="O977">
            <v>0</v>
          </cell>
          <cell r="P977">
            <v>0</v>
          </cell>
          <cell r="Q977">
            <v>0</v>
          </cell>
          <cell r="R977">
            <v>0</v>
          </cell>
          <cell r="S977">
            <v>0</v>
          </cell>
          <cell r="T977">
            <v>0</v>
          </cell>
          <cell r="U977">
            <v>0</v>
          </cell>
          <cell r="V977">
            <v>0</v>
          </cell>
          <cell r="W977">
            <v>0</v>
          </cell>
        </row>
        <row r="978">
          <cell r="A978" t="str">
            <v>FIN_remote_%</v>
          </cell>
          <cell r="G978">
            <v>0</v>
          </cell>
          <cell r="H978">
            <v>0</v>
          </cell>
          <cell r="I978">
            <v>0</v>
          </cell>
          <cell r="J978">
            <v>0</v>
          </cell>
          <cell r="K978">
            <v>0</v>
          </cell>
          <cell r="L978">
            <v>0</v>
          </cell>
          <cell r="M978">
            <v>0</v>
          </cell>
          <cell r="N978">
            <v>0</v>
          </cell>
          <cell r="O978">
            <v>0</v>
          </cell>
          <cell r="P978">
            <v>0</v>
          </cell>
          <cell r="Q978">
            <v>0</v>
          </cell>
          <cell r="R978">
            <v>0</v>
          </cell>
          <cell r="S978">
            <v>0</v>
          </cell>
          <cell r="T978">
            <v>0</v>
          </cell>
          <cell r="U978">
            <v>0</v>
          </cell>
          <cell r="V978">
            <v>0</v>
          </cell>
          <cell r="W978">
            <v>0</v>
          </cell>
        </row>
        <row r="979">
          <cell r="A979" t="str">
            <v>ALM_remote_%</v>
          </cell>
          <cell r="G979">
            <v>0</v>
          </cell>
          <cell r="H979">
            <v>0</v>
          </cell>
          <cell r="I979">
            <v>0</v>
          </cell>
          <cell r="J979">
            <v>0</v>
          </cell>
          <cell r="K979">
            <v>0</v>
          </cell>
          <cell r="L979">
            <v>0</v>
          </cell>
          <cell r="M979">
            <v>0</v>
          </cell>
          <cell r="N979">
            <v>0</v>
          </cell>
          <cell r="O979">
            <v>0</v>
          </cell>
          <cell r="P979">
            <v>0</v>
          </cell>
          <cell r="Q979">
            <v>0</v>
          </cell>
          <cell r="R979">
            <v>0</v>
          </cell>
          <cell r="S979">
            <v>0</v>
          </cell>
          <cell r="T979">
            <v>0</v>
          </cell>
          <cell r="U979">
            <v>0</v>
          </cell>
          <cell r="V979">
            <v>0</v>
          </cell>
          <cell r="W979">
            <v>0</v>
          </cell>
        </row>
        <row r="980">
          <cell r="A980" t="str">
            <v>FUO_remote_%</v>
          </cell>
          <cell r="G980">
            <v>0</v>
          </cell>
          <cell r="H980">
            <v>0</v>
          </cell>
          <cell r="I980">
            <v>0</v>
          </cell>
          <cell r="J980">
            <v>0</v>
          </cell>
          <cell r="K980">
            <v>0</v>
          </cell>
          <cell r="L980">
            <v>0</v>
          </cell>
          <cell r="M980">
            <v>0</v>
          </cell>
          <cell r="N980">
            <v>0</v>
          </cell>
          <cell r="O980">
            <v>0</v>
          </cell>
          <cell r="P980">
            <v>0</v>
          </cell>
          <cell r="Q980">
            <v>0</v>
          </cell>
          <cell r="R980">
            <v>0</v>
          </cell>
          <cell r="S980">
            <v>0</v>
          </cell>
          <cell r="T980">
            <v>0</v>
          </cell>
          <cell r="U980">
            <v>0</v>
          </cell>
          <cell r="V980">
            <v>0</v>
          </cell>
          <cell r="W980">
            <v>0</v>
          </cell>
        </row>
        <row r="981">
          <cell r="A981" t="str">
            <v>XXX_remote_%</v>
          </cell>
          <cell r="G981">
            <v>0</v>
          </cell>
          <cell r="H981">
            <v>0</v>
          </cell>
          <cell r="I981">
            <v>0</v>
          </cell>
          <cell r="J981">
            <v>0</v>
          </cell>
          <cell r="K981">
            <v>0</v>
          </cell>
          <cell r="L981">
            <v>0</v>
          </cell>
          <cell r="M981">
            <v>0</v>
          </cell>
          <cell r="N981">
            <v>0</v>
          </cell>
          <cell r="O981">
            <v>0</v>
          </cell>
          <cell r="P981">
            <v>0</v>
          </cell>
          <cell r="Q981">
            <v>0</v>
          </cell>
          <cell r="R981">
            <v>0</v>
          </cell>
          <cell r="S981">
            <v>0</v>
          </cell>
          <cell r="T981">
            <v>0</v>
          </cell>
          <cell r="U981">
            <v>0</v>
          </cell>
          <cell r="V981">
            <v>0</v>
          </cell>
          <cell r="W981">
            <v>0</v>
          </cell>
        </row>
        <row r="982">
          <cell r="G982">
            <v>0</v>
          </cell>
          <cell r="H982">
            <v>0</v>
          </cell>
          <cell r="I982">
            <v>0</v>
          </cell>
          <cell r="J982">
            <v>0</v>
          </cell>
          <cell r="K982">
            <v>0</v>
          </cell>
          <cell r="L982">
            <v>0</v>
          </cell>
          <cell r="M982">
            <v>0</v>
          </cell>
          <cell r="N982">
            <v>0</v>
          </cell>
          <cell r="O982">
            <v>0</v>
          </cell>
          <cell r="P982">
            <v>0</v>
          </cell>
          <cell r="Q982">
            <v>0</v>
          </cell>
          <cell r="R982">
            <v>0</v>
          </cell>
          <cell r="S982">
            <v>0</v>
          </cell>
          <cell r="T982">
            <v>0</v>
          </cell>
          <cell r="U982">
            <v>0</v>
          </cell>
          <cell r="V982">
            <v>0</v>
          </cell>
          <cell r="W982">
            <v>0</v>
          </cell>
        </row>
        <row r="983">
          <cell r="G983">
            <v>0</v>
          </cell>
          <cell r="H983">
            <v>0</v>
          </cell>
          <cell r="I983">
            <v>0</v>
          </cell>
          <cell r="J983">
            <v>0</v>
          </cell>
          <cell r="K983">
            <v>0</v>
          </cell>
          <cell r="L983">
            <v>0</v>
          </cell>
          <cell r="M983">
            <v>0</v>
          </cell>
          <cell r="N983">
            <v>0</v>
          </cell>
          <cell r="O983">
            <v>0</v>
          </cell>
          <cell r="P983">
            <v>0</v>
          </cell>
          <cell r="Q983">
            <v>0</v>
          </cell>
          <cell r="R983">
            <v>0</v>
          </cell>
          <cell r="S983">
            <v>0</v>
          </cell>
          <cell r="T983">
            <v>0</v>
          </cell>
          <cell r="U983">
            <v>0</v>
          </cell>
          <cell r="V983">
            <v>0</v>
          </cell>
          <cell r="W983">
            <v>0</v>
          </cell>
        </row>
        <row r="984">
          <cell r="A984" t="str">
            <v>Val_cc_%</v>
          </cell>
          <cell r="G984">
            <v>1.716530556188306E-5</v>
          </cell>
          <cell r="H984">
            <v>1.6516146526403951E-5</v>
          </cell>
          <cell r="I984">
            <v>1.6840726044143506E-5</v>
          </cell>
          <cell r="J984">
            <v>1.6840726044143506E-5</v>
          </cell>
          <cell r="K984">
            <v>1.6840726044143506E-5</v>
          </cell>
          <cell r="L984">
            <v>1.6840726044143506E-5</v>
          </cell>
          <cell r="M984">
            <v>1.6840726044143506E-5</v>
          </cell>
          <cell r="N984">
            <v>1.6840726044143506E-5</v>
          </cell>
          <cell r="O984">
            <v>1.6840726044143506E-5</v>
          </cell>
          <cell r="P984">
            <v>1.6840726044143506E-5</v>
          </cell>
          <cell r="Q984">
            <v>1.6840726044143506E-5</v>
          </cell>
          <cell r="R984">
            <v>1.6840726044143506E-5</v>
          </cell>
          <cell r="S984">
            <v>1.6840726044143506E-5</v>
          </cell>
          <cell r="T984">
            <v>1.6840726044143506E-5</v>
          </cell>
          <cell r="U984">
            <v>1.6840726044143506E-5</v>
          </cell>
          <cell r="V984">
            <v>1.6840726044143506E-5</v>
          </cell>
          <cell r="W984">
            <v>1.6840726044143506E-5</v>
          </cell>
          <cell r="Y984">
            <v>0</v>
          </cell>
          <cell r="Z984">
            <v>0</v>
          </cell>
        </row>
        <row r="985">
          <cell r="A985" t="str">
            <v>Pre_cc_%</v>
          </cell>
          <cell r="G985">
            <v>1.466886225152857E-5</v>
          </cell>
          <cell r="H985">
            <v>1.4174510488276425E-5</v>
          </cell>
          <cell r="I985">
            <v>1.4421686369902498E-5</v>
          </cell>
          <cell r="J985">
            <v>1.4421686369902498E-5</v>
          </cell>
          <cell r="K985">
            <v>1.4421686369902498E-5</v>
          </cell>
          <cell r="L985">
            <v>1.4421686369902498E-5</v>
          </cell>
          <cell r="M985">
            <v>1.4421686369902498E-5</v>
          </cell>
          <cell r="N985">
            <v>1.4421686369902498E-5</v>
          </cell>
          <cell r="O985">
            <v>1.4421686369902498E-5</v>
          </cell>
          <cell r="P985">
            <v>1.4421686369902498E-5</v>
          </cell>
          <cell r="Q985">
            <v>1.4421686369902498E-5</v>
          </cell>
          <cell r="R985">
            <v>1.4421686369902498E-5</v>
          </cell>
          <cell r="S985">
            <v>1.4421686369902498E-5</v>
          </cell>
          <cell r="T985">
            <v>1.4421686369902498E-5</v>
          </cell>
          <cell r="U985">
            <v>1.4421686369902498E-5</v>
          </cell>
          <cell r="V985">
            <v>1.4421686369902498E-5</v>
          </cell>
          <cell r="W985">
            <v>1.4421686369902498E-5</v>
          </cell>
        </row>
        <row r="986">
          <cell r="A986" t="str">
            <v>Sma_cc_%</v>
          </cell>
          <cell r="G986">
            <v>7.5645234420169892E-5</v>
          </cell>
          <cell r="H986">
            <v>7.2272094429991091E-5</v>
          </cell>
          <cell r="I986">
            <v>7.3958664425080492E-5</v>
          </cell>
          <cell r="J986">
            <v>7.3958664425080492E-5</v>
          </cell>
          <cell r="K986">
            <v>7.3958664425080492E-5</v>
          </cell>
          <cell r="L986">
            <v>7.3958664425080492E-5</v>
          </cell>
          <cell r="M986">
            <v>7.3958664425080492E-5</v>
          </cell>
          <cell r="N986">
            <v>7.3958664425080492E-5</v>
          </cell>
          <cell r="O986">
            <v>7.3958664425080492E-5</v>
          </cell>
          <cell r="P986">
            <v>7.3958664425080492E-5</v>
          </cell>
          <cell r="Q986">
            <v>7.3958664425080492E-5</v>
          </cell>
          <cell r="R986">
            <v>7.3958664425080492E-5</v>
          </cell>
          <cell r="S986">
            <v>7.3958664425080492E-5</v>
          </cell>
          <cell r="T986">
            <v>7.3958664425080492E-5</v>
          </cell>
          <cell r="U986">
            <v>7.3958664425080492E-5</v>
          </cell>
          <cell r="V986">
            <v>7.3958664425080492E-5</v>
          </cell>
          <cell r="W986">
            <v>7.3958664425080492E-5</v>
          </cell>
        </row>
        <row r="987">
          <cell r="A987" t="str">
            <v>Pri_cc_%</v>
          </cell>
          <cell r="G987">
            <v>1.7589072054672406E-5</v>
          </cell>
          <cell r="H987">
            <v>1.7230872926540286E-5</v>
          </cell>
          <cell r="I987">
            <v>1.7409972490606346E-5</v>
          </cell>
          <cell r="J987">
            <v>1.7409972490606346E-5</v>
          </cell>
          <cell r="K987">
            <v>1.7409972490606346E-5</v>
          </cell>
          <cell r="L987">
            <v>1.7409972490606346E-5</v>
          </cell>
          <cell r="M987">
            <v>1.7409972490606346E-5</v>
          </cell>
          <cell r="N987">
            <v>1.7409972490606346E-5</v>
          </cell>
          <cell r="O987">
            <v>1.7409972490606346E-5</v>
          </cell>
          <cell r="P987">
            <v>1.7409972490606346E-5</v>
          </cell>
          <cell r="Q987">
            <v>1.7409972490606346E-5</v>
          </cell>
          <cell r="R987">
            <v>1.7409972490606346E-5</v>
          </cell>
          <cell r="S987">
            <v>1.7409972490606346E-5</v>
          </cell>
          <cell r="T987">
            <v>1.7409972490606346E-5</v>
          </cell>
          <cell r="U987">
            <v>1.7409972490606346E-5</v>
          </cell>
          <cell r="V987">
            <v>1.7409972490606346E-5</v>
          </cell>
          <cell r="W987">
            <v>1.7409972490606346E-5</v>
          </cell>
        </row>
        <row r="988">
          <cell r="A988" t="str">
            <v>Fam_cc_%</v>
          </cell>
          <cell r="G988">
            <v>2.6611368118323743E-5</v>
          </cell>
          <cell r="H988">
            <v>2.1957367576243979E-5</v>
          </cell>
          <cell r="I988">
            <v>2.4284367847283863E-5</v>
          </cell>
          <cell r="J988">
            <v>2.4284367847283863E-5</v>
          </cell>
          <cell r="K988">
            <v>2.4284367847283863E-5</v>
          </cell>
          <cell r="L988">
            <v>2.4284367847283863E-5</v>
          </cell>
          <cell r="M988">
            <v>2.4284367847283863E-5</v>
          </cell>
          <cell r="N988">
            <v>2.4284367847283863E-5</v>
          </cell>
          <cell r="O988">
            <v>2.4284367847283863E-5</v>
          </cell>
          <cell r="P988">
            <v>2.4284367847283863E-5</v>
          </cell>
          <cell r="Q988">
            <v>2.4284367847283863E-5</v>
          </cell>
          <cell r="R988">
            <v>2.4284367847283863E-5</v>
          </cell>
          <cell r="S988">
            <v>2.4284367847283863E-5</v>
          </cell>
          <cell r="T988">
            <v>2.4284367847283863E-5</v>
          </cell>
          <cell r="U988">
            <v>2.4284367847283863E-5</v>
          </cell>
          <cell r="V988">
            <v>2.4284367847283863E-5</v>
          </cell>
          <cell r="W988">
            <v>2.4284367847283863E-5</v>
          </cell>
        </row>
        <row r="989">
          <cell r="A989" t="str">
            <v>PMI_cc_%</v>
          </cell>
          <cell r="G989">
            <v>1.3125407574758556E-4</v>
          </cell>
          <cell r="H989">
            <v>1.2472724778717304E-4</v>
          </cell>
          <cell r="I989">
            <v>1.2799066176737931E-4</v>
          </cell>
          <cell r="J989">
            <v>1.2799066176737931E-4</v>
          </cell>
          <cell r="K989">
            <v>1.2799066176737931E-4</v>
          </cell>
          <cell r="L989">
            <v>1.2799066176737931E-4</v>
          </cell>
          <cell r="M989">
            <v>1.2799066176737931E-4</v>
          </cell>
          <cell r="N989">
            <v>1.2799066176737931E-4</v>
          </cell>
          <cell r="O989">
            <v>1.2799066176737931E-4</v>
          </cell>
          <cell r="P989">
            <v>1.2799066176737931E-4</v>
          </cell>
          <cell r="Q989">
            <v>1.2799066176737931E-4</v>
          </cell>
          <cell r="R989">
            <v>1.2799066176737931E-4</v>
          </cell>
          <cell r="S989">
            <v>1.2799066176737931E-4</v>
          </cell>
          <cell r="T989">
            <v>1.2799066176737931E-4</v>
          </cell>
          <cell r="U989">
            <v>1.2799066176737931E-4</v>
          </cell>
          <cell r="V989">
            <v>1.2799066176737931E-4</v>
          </cell>
          <cell r="W989">
            <v>1.2799066176737931E-4</v>
          </cell>
        </row>
        <row r="990">
          <cell r="A990" t="str">
            <v>ENT_cc_%</v>
          </cell>
          <cell r="G990">
            <v>4.0302542593091966E-5</v>
          </cell>
          <cell r="H990">
            <v>4.1640741666466388E-5</v>
          </cell>
          <cell r="I990">
            <v>4.0971642129779177E-5</v>
          </cell>
          <cell r="J990">
            <v>4.0971642129779177E-5</v>
          </cell>
          <cell r="K990">
            <v>4.0971642129779177E-5</v>
          </cell>
          <cell r="L990">
            <v>4.0971642129779177E-5</v>
          </cell>
          <cell r="M990">
            <v>4.0971642129779177E-5</v>
          </cell>
          <cell r="N990">
            <v>4.0971642129779177E-5</v>
          </cell>
          <cell r="O990">
            <v>4.0971642129779177E-5</v>
          </cell>
          <cell r="P990">
            <v>4.0971642129779177E-5</v>
          </cell>
          <cell r="Q990">
            <v>4.0971642129779177E-5</v>
          </cell>
          <cell r="R990">
            <v>4.0971642129779177E-5</v>
          </cell>
          <cell r="S990">
            <v>4.0971642129779177E-5</v>
          </cell>
          <cell r="T990">
            <v>4.0971642129779177E-5</v>
          </cell>
          <cell r="U990">
            <v>4.0971642129779177E-5</v>
          </cell>
          <cell r="V990">
            <v>4.0971642129779177E-5</v>
          </cell>
          <cell r="W990">
            <v>4.0971642129779177E-5</v>
          </cell>
        </row>
        <row r="991">
          <cell r="A991" t="str">
            <v>Cor_cc_%</v>
          </cell>
          <cell r="G991">
            <v>2.2448355744461614E-4</v>
          </cell>
          <cell r="H991">
            <v>2.3998010344392583E-4</v>
          </cell>
          <cell r="I991">
            <v>2.3223183044427097E-4</v>
          </cell>
          <cell r="J991">
            <v>2.3223183044427097E-4</v>
          </cell>
          <cell r="K991">
            <v>2.3223183044427097E-4</v>
          </cell>
          <cell r="L991">
            <v>2.3223183044427097E-4</v>
          </cell>
          <cell r="M991">
            <v>2.3223183044427097E-4</v>
          </cell>
          <cell r="N991">
            <v>2.3223183044427097E-4</v>
          </cell>
          <cell r="O991">
            <v>2.3223183044427097E-4</v>
          </cell>
          <cell r="P991">
            <v>2.3223183044427097E-4</v>
          </cell>
          <cell r="Q991">
            <v>2.3223183044427097E-4</v>
          </cell>
          <cell r="R991">
            <v>2.3223183044427097E-4</v>
          </cell>
          <cell r="S991">
            <v>2.3223183044427097E-4</v>
          </cell>
          <cell r="T991">
            <v>2.3223183044427097E-4</v>
          </cell>
          <cell r="U991">
            <v>2.3223183044427097E-4</v>
          </cell>
          <cell r="V991">
            <v>2.3223183044427097E-4</v>
          </cell>
          <cell r="W991">
            <v>2.3223183044427097E-4</v>
          </cell>
        </row>
        <row r="992">
          <cell r="A992" t="str">
            <v>Gra_cc_%</v>
          </cell>
          <cell r="G992">
            <v>2.3610891397040398E-4</v>
          </cell>
          <cell r="H992">
            <v>2.7317509424350483E-4</v>
          </cell>
          <cell r="I992">
            <v>2.5464200410695438E-4</v>
          </cell>
          <cell r="J992">
            <v>2.5464200410695438E-4</v>
          </cell>
          <cell r="K992">
            <v>2.5464200410695438E-4</v>
          </cell>
          <cell r="L992">
            <v>2.5464200410695438E-4</v>
          </cell>
          <cell r="M992">
            <v>2.5464200410695438E-4</v>
          </cell>
          <cell r="N992">
            <v>2.5464200410695438E-4</v>
          </cell>
          <cell r="O992">
            <v>2.5464200410695438E-4</v>
          </cell>
          <cell r="P992">
            <v>2.5464200410695438E-4</v>
          </cell>
          <cell r="Q992">
            <v>2.5464200410695438E-4</v>
          </cell>
          <cell r="R992">
            <v>2.5464200410695438E-4</v>
          </cell>
          <cell r="S992">
            <v>2.5464200410695438E-4</v>
          </cell>
          <cell r="T992">
            <v>2.5464200410695438E-4</v>
          </cell>
          <cell r="U992">
            <v>2.5464200410695438E-4</v>
          </cell>
          <cell r="V992">
            <v>2.5464200410695438E-4</v>
          </cell>
          <cell r="W992">
            <v>2.5464200410695438E-4</v>
          </cell>
        </row>
        <row r="993">
          <cell r="A993" t="str">
            <v>FEX_cc_%</v>
          </cell>
          <cell r="G993">
            <v>0</v>
          </cell>
          <cell r="H993">
            <v>0</v>
          </cell>
          <cell r="I993">
            <v>0</v>
          </cell>
          <cell r="J993">
            <v>0</v>
          </cell>
          <cell r="K993">
            <v>0</v>
          </cell>
          <cell r="L993">
            <v>0</v>
          </cell>
          <cell r="M993">
            <v>0</v>
          </cell>
          <cell r="N993">
            <v>0</v>
          </cell>
          <cell r="O993">
            <v>0</v>
          </cell>
          <cell r="P993">
            <v>0</v>
          </cell>
          <cell r="Q993">
            <v>0</v>
          </cell>
          <cell r="R993">
            <v>0</v>
          </cell>
          <cell r="S993">
            <v>0</v>
          </cell>
          <cell r="T993">
            <v>0</v>
          </cell>
          <cell r="U993">
            <v>0</v>
          </cell>
          <cell r="V993">
            <v>0</v>
          </cell>
          <cell r="W993">
            <v>0</v>
          </cell>
        </row>
        <row r="994">
          <cell r="A994" t="str">
            <v>MCL_cc_%</v>
          </cell>
          <cell r="G994">
            <v>0</v>
          </cell>
          <cell r="H994">
            <v>0</v>
          </cell>
          <cell r="I994">
            <v>0</v>
          </cell>
          <cell r="J994">
            <v>0</v>
          </cell>
          <cell r="K994">
            <v>0</v>
          </cell>
          <cell r="L994">
            <v>0</v>
          </cell>
          <cell r="M994">
            <v>0</v>
          </cell>
          <cell r="N994">
            <v>0</v>
          </cell>
          <cell r="O994">
            <v>0</v>
          </cell>
          <cell r="P994">
            <v>0</v>
          </cell>
          <cell r="Q994">
            <v>0</v>
          </cell>
          <cell r="R994">
            <v>0</v>
          </cell>
          <cell r="S994">
            <v>0</v>
          </cell>
          <cell r="T994">
            <v>0</v>
          </cell>
          <cell r="U994">
            <v>0</v>
          </cell>
          <cell r="V994">
            <v>0</v>
          </cell>
          <cell r="W994">
            <v>0</v>
          </cell>
        </row>
        <row r="995">
          <cell r="A995" t="str">
            <v>MCG_cc_%</v>
          </cell>
          <cell r="G995">
            <v>0</v>
          </cell>
          <cell r="H995">
            <v>0</v>
          </cell>
          <cell r="I995">
            <v>0</v>
          </cell>
          <cell r="J995">
            <v>0</v>
          </cell>
          <cell r="K995">
            <v>0</v>
          </cell>
          <cell r="L995">
            <v>0</v>
          </cell>
          <cell r="M995">
            <v>0</v>
          </cell>
          <cell r="N995">
            <v>0</v>
          </cell>
          <cell r="O995">
            <v>0</v>
          </cell>
          <cell r="P995">
            <v>0</v>
          </cell>
          <cell r="Q995">
            <v>0</v>
          </cell>
          <cell r="R995">
            <v>0</v>
          </cell>
          <cell r="S995">
            <v>0</v>
          </cell>
          <cell r="T995">
            <v>0</v>
          </cell>
          <cell r="U995">
            <v>0</v>
          </cell>
          <cell r="V995">
            <v>0</v>
          </cell>
          <cell r="W995">
            <v>0</v>
          </cell>
        </row>
        <row r="996">
          <cell r="A996" t="str">
            <v>MLE_cc_%</v>
          </cell>
          <cell r="G996">
            <v>0</v>
          </cell>
          <cell r="H996">
            <v>0</v>
          </cell>
          <cell r="I996">
            <v>0</v>
          </cell>
          <cell r="J996">
            <v>0</v>
          </cell>
          <cell r="K996">
            <v>0</v>
          </cell>
          <cell r="L996">
            <v>0</v>
          </cell>
          <cell r="M996">
            <v>0</v>
          </cell>
          <cell r="N996">
            <v>0</v>
          </cell>
          <cell r="O996">
            <v>0</v>
          </cell>
          <cell r="P996">
            <v>0</v>
          </cell>
          <cell r="Q996">
            <v>0</v>
          </cell>
          <cell r="R996">
            <v>0</v>
          </cell>
          <cell r="S996">
            <v>0</v>
          </cell>
          <cell r="T996">
            <v>0</v>
          </cell>
          <cell r="U996">
            <v>0</v>
          </cell>
          <cell r="V996">
            <v>0</v>
          </cell>
          <cell r="W996">
            <v>0</v>
          </cell>
        </row>
        <row r="997">
          <cell r="A997" t="str">
            <v>MFA_cc_%</v>
          </cell>
          <cell r="G997">
            <v>0</v>
          </cell>
          <cell r="H997">
            <v>0</v>
          </cell>
          <cell r="I997">
            <v>0</v>
          </cell>
          <cell r="J997">
            <v>0</v>
          </cell>
          <cell r="K997">
            <v>0</v>
          </cell>
          <cell r="L997">
            <v>0</v>
          </cell>
          <cell r="M997">
            <v>0</v>
          </cell>
          <cell r="N997">
            <v>0</v>
          </cell>
          <cell r="O997">
            <v>0</v>
          </cell>
          <cell r="P997">
            <v>0</v>
          </cell>
          <cell r="Q997">
            <v>0</v>
          </cell>
          <cell r="R997">
            <v>0</v>
          </cell>
          <cell r="S997">
            <v>0</v>
          </cell>
          <cell r="T997">
            <v>0</v>
          </cell>
          <cell r="U997">
            <v>0</v>
          </cell>
          <cell r="V997">
            <v>0</v>
          </cell>
          <cell r="W997">
            <v>0</v>
          </cell>
        </row>
        <row r="998">
          <cell r="A998" t="str">
            <v>MBQ_cc_%</v>
          </cell>
          <cell r="G998">
            <v>0</v>
          </cell>
          <cell r="H998">
            <v>0</v>
          </cell>
          <cell r="I998">
            <v>0</v>
          </cell>
          <cell r="J998">
            <v>0</v>
          </cell>
          <cell r="K998">
            <v>0</v>
          </cell>
          <cell r="L998">
            <v>0</v>
          </cell>
          <cell r="M998">
            <v>0</v>
          </cell>
          <cell r="N998">
            <v>0</v>
          </cell>
          <cell r="O998">
            <v>0</v>
          </cell>
          <cell r="P998">
            <v>0</v>
          </cell>
          <cell r="Q998">
            <v>0</v>
          </cell>
          <cell r="R998">
            <v>0</v>
          </cell>
          <cell r="S998">
            <v>0</v>
          </cell>
          <cell r="T998">
            <v>0</v>
          </cell>
          <cell r="U998">
            <v>0</v>
          </cell>
          <cell r="V998">
            <v>0</v>
          </cell>
          <cell r="W998">
            <v>0</v>
          </cell>
        </row>
        <row r="999">
          <cell r="A999" t="str">
            <v>MBG_cc_%</v>
          </cell>
          <cell r="G999">
            <v>0</v>
          </cell>
          <cell r="H999">
            <v>0</v>
          </cell>
          <cell r="I999">
            <v>0</v>
          </cell>
          <cell r="J999">
            <v>0</v>
          </cell>
          <cell r="K999">
            <v>0</v>
          </cell>
          <cell r="L999">
            <v>0</v>
          </cell>
          <cell r="M999">
            <v>0</v>
          </cell>
          <cell r="N999">
            <v>0</v>
          </cell>
          <cell r="O999">
            <v>0</v>
          </cell>
          <cell r="P999">
            <v>0</v>
          </cell>
          <cell r="Q999">
            <v>0</v>
          </cell>
          <cell r="R999">
            <v>0</v>
          </cell>
          <cell r="S999">
            <v>0</v>
          </cell>
          <cell r="T999">
            <v>0</v>
          </cell>
          <cell r="U999">
            <v>0</v>
          </cell>
          <cell r="V999">
            <v>0</v>
          </cell>
          <cell r="W999">
            <v>0</v>
          </cell>
        </row>
        <row r="1000">
          <cell r="A1000" t="str">
            <v>WID_cc_%</v>
          </cell>
          <cell r="G1000">
            <v>0</v>
          </cell>
          <cell r="H1000">
            <v>0</v>
          </cell>
          <cell r="I1000">
            <v>0</v>
          </cell>
          <cell r="J1000">
            <v>0</v>
          </cell>
          <cell r="K1000">
            <v>0</v>
          </cell>
          <cell r="L1000">
            <v>0</v>
          </cell>
          <cell r="M1000">
            <v>0</v>
          </cell>
          <cell r="N1000">
            <v>0</v>
          </cell>
          <cell r="O1000">
            <v>0</v>
          </cell>
          <cell r="P1000">
            <v>0</v>
          </cell>
          <cell r="Q1000">
            <v>0</v>
          </cell>
          <cell r="R1000">
            <v>0</v>
          </cell>
          <cell r="S1000">
            <v>0</v>
          </cell>
          <cell r="T1000">
            <v>0</v>
          </cell>
          <cell r="U1000">
            <v>0</v>
          </cell>
          <cell r="V1000">
            <v>0</v>
          </cell>
          <cell r="W1000">
            <v>0</v>
          </cell>
        </row>
        <row r="1001">
          <cell r="A1001" t="str">
            <v>FIN_cc_%</v>
          </cell>
          <cell r="G1001">
            <v>0</v>
          </cell>
          <cell r="H1001">
            <v>0</v>
          </cell>
          <cell r="I1001">
            <v>0</v>
          </cell>
          <cell r="J1001">
            <v>0</v>
          </cell>
          <cell r="K1001">
            <v>0</v>
          </cell>
          <cell r="L1001">
            <v>0</v>
          </cell>
          <cell r="M1001">
            <v>0</v>
          </cell>
          <cell r="N1001">
            <v>0</v>
          </cell>
          <cell r="O1001">
            <v>0</v>
          </cell>
          <cell r="P1001">
            <v>0</v>
          </cell>
          <cell r="Q1001">
            <v>0</v>
          </cell>
          <cell r="R1001">
            <v>0</v>
          </cell>
          <cell r="S1001">
            <v>0</v>
          </cell>
          <cell r="T1001">
            <v>0</v>
          </cell>
          <cell r="U1001">
            <v>0</v>
          </cell>
          <cell r="V1001">
            <v>0</v>
          </cell>
          <cell r="W1001">
            <v>0</v>
          </cell>
        </row>
        <row r="1002">
          <cell r="A1002" t="str">
            <v>ALM_cc_%</v>
          </cell>
          <cell r="G1002">
            <v>0</v>
          </cell>
          <cell r="H1002">
            <v>0</v>
          </cell>
          <cell r="I1002">
            <v>0</v>
          </cell>
          <cell r="J1002">
            <v>0</v>
          </cell>
          <cell r="K1002">
            <v>0</v>
          </cell>
          <cell r="L1002">
            <v>0</v>
          </cell>
          <cell r="M1002">
            <v>0</v>
          </cell>
          <cell r="N1002">
            <v>0</v>
          </cell>
          <cell r="O1002">
            <v>0</v>
          </cell>
          <cell r="P1002">
            <v>0</v>
          </cell>
          <cell r="Q1002">
            <v>0</v>
          </cell>
          <cell r="R1002">
            <v>0</v>
          </cell>
          <cell r="S1002">
            <v>0</v>
          </cell>
          <cell r="T1002">
            <v>0</v>
          </cell>
          <cell r="U1002">
            <v>0</v>
          </cell>
          <cell r="V1002">
            <v>0</v>
          </cell>
          <cell r="W1002">
            <v>0</v>
          </cell>
        </row>
        <row r="1003">
          <cell r="A1003" t="str">
            <v>FUO_cc_%</v>
          </cell>
          <cell r="G1003">
            <v>0</v>
          </cell>
          <cell r="H1003">
            <v>0</v>
          </cell>
          <cell r="I1003">
            <v>0</v>
          </cell>
          <cell r="J1003">
            <v>0</v>
          </cell>
          <cell r="K1003">
            <v>0</v>
          </cell>
          <cell r="L1003">
            <v>0</v>
          </cell>
          <cell r="M1003">
            <v>0</v>
          </cell>
          <cell r="N1003">
            <v>0</v>
          </cell>
          <cell r="O1003">
            <v>0</v>
          </cell>
          <cell r="P1003">
            <v>0</v>
          </cell>
          <cell r="Q1003">
            <v>0</v>
          </cell>
          <cell r="R1003">
            <v>0</v>
          </cell>
          <cell r="S1003">
            <v>0</v>
          </cell>
          <cell r="T1003">
            <v>0</v>
          </cell>
          <cell r="U1003">
            <v>0</v>
          </cell>
          <cell r="V1003">
            <v>0</v>
          </cell>
          <cell r="W1003">
            <v>0</v>
          </cell>
        </row>
        <row r="1004">
          <cell r="A1004" t="str">
            <v>XXX_cc_%</v>
          </cell>
          <cell r="G1004">
            <v>0</v>
          </cell>
          <cell r="H1004">
            <v>0</v>
          </cell>
          <cell r="I1004">
            <v>0</v>
          </cell>
          <cell r="J1004">
            <v>0</v>
          </cell>
          <cell r="K1004">
            <v>0</v>
          </cell>
          <cell r="L1004">
            <v>0</v>
          </cell>
          <cell r="M1004">
            <v>0</v>
          </cell>
          <cell r="N1004">
            <v>0</v>
          </cell>
          <cell r="O1004">
            <v>0</v>
          </cell>
          <cell r="P1004">
            <v>0</v>
          </cell>
          <cell r="Q1004">
            <v>0</v>
          </cell>
          <cell r="R1004">
            <v>0</v>
          </cell>
          <cell r="S1004">
            <v>0</v>
          </cell>
          <cell r="T1004">
            <v>0</v>
          </cell>
          <cell r="U1004">
            <v>0</v>
          </cell>
          <cell r="V1004">
            <v>0</v>
          </cell>
          <cell r="W1004">
            <v>0</v>
          </cell>
        </row>
        <row r="1005">
          <cell r="G1005">
            <v>0</v>
          </cell>
          <cell r="H1005">
            <v>0</v>
          </cell>
          <cell r="I1005">
            <v>0</v>
          </cell>
          <cell r="J1005">
            <v>0</v>
          </cell>
          <cell r="K1005">
            <v>0</v>
          </cell>
          <cell r="L1005">
            <v>0</v>
          </cell>
          <cell r="M1005">
            <v>0</v>
          </cell>
          <cell r="N1005">
            <v>0</v>
          </cell>
          <cell r="O1005">
            <v>0</v>
          </cell>
          <cell r="P1005">
            <v>0</v>
          </cell>
          <cell r="Q1005">
            <v>0</v>
          </cell>
          <cell r="R1005">
            <v>0</v>
          </cell>
          <cell r="S1005">
            <v>0</v>
          </cell>
          <cell r="T1005">
            <v>0</v>
          </cell>
          <cell r="U1005">
            <v>0</v>
          </cell>
          <cell r="V1005">
            <v>0</v>
          </cell>
          <cell r="W1005">
            <v>0</v>
          </cell>
        </row>
        <row r="1006">
          <cell r="A1006" t="str">
            <v>Val_rec_spese_%</v>
          </cell>
          <cell r="G1006">
            <v>9.9175926846830167E-7</v>
          </cell>
          <cell r="H1006">
            <v>9.6949696404659104E-7</v>
          </cell>
          <cell r="I1006">
            <v>9.8062811625744625E-7</v>
          </cell>
          <cell r="J1006">
            <v>9.8062811625744625E-7</v>
          </cell>
          <cell r="K1006">
            <v>9.8062811625744625E-7</v>
          </cell>
          <cell r="L1006">
            <v>9.8062811625744625E-7</v>
          </cell>
          <cell r="M1006">
            <v>9.8062811625744625E-7</v>
          </cell>
          <cell r="N1006">
            <v>9.8062811625744625E-7</v>
          </cell>
          <cell r="O1006">
            <v>9.8062811625744625E-7</v>
          </cell>
          <cell r="P1006">
            <v>9.8062811625744625E-7</v>
          </cell>
          <cell r="Q1006">
            <v>9.8062811625744625E-7</v>
          </cell>
          <cell r="R1006">
            <v>9.8062811625744625E-7</v>
          </cell>
          <cell r="S1006">
            <v>9.8062811625744625E-7</v>
          </cell>
          <cell r="T1006">
            <v>9.8062811625744625E-7</v>
          </cell>
          <cell r="U1006">
            <v>9.8062811625744625E-7</v>
          </cell>
          <cell r="V1006">
            <v>9.8062811625744625E-7</v>
          </cell>
          <cell r="W1006">
            <v>9.8062811625744625E-7</v>
          </cell>
          <cell r="Y1006">
            <v>0</v>
          </cell>
          <cell r="Z1006">
            <v>0</v>
          </cell>
        </row>
        <row r="1007">
          <cell r="A1007" t="str">
            <v>Pre_rec_spese_%</v>
          </cell>
          <cell r="G1007">
            <v>9.5078994432347893E-7</v>
          </cell>
          <cell r="H1007">
            <v>9.4686815765290591E-7</v>
          </cell>
          <cell r="I1007">
            <v>9.4882905098819242E-7</v>
          </cell>
          <cell r="J1007">
            <v>9.4882905098819242E-7</v>
          </cell>
          <cell r="K1007">
            <v>9.4882905098819242E-7</v>
          </cell>
          <cell r="L1007">
            <v>9.4882905098819242E-7</v>
          </cell>
          <cell r="M1007">
            <v>9.4882905098819242E-7</v>
          </cell>
          <cell r="N1007">
            <v>9.4882905098819242E-7</v>
          </cell>
          <cell r="O1007">
            <v>9.4882905098819242E-7</v>
          </cell>
          <cell r="P1007">
            <v>9.4882905098819242E-7</v>
          </cell>
          <cell r="Q1007">
            <v>9.4882905098819242E-7</v>
          </cell>
          <cell r="R1007">
            <v>9.4882905098819242E-7</v>
          </cell>
          <cell r="S1007">
            <v>9.4882905098819242E-7</v>
          </cell>
          <cell r="T1007">
            <v>9.4882905098819242E-7</v>
          </cell>
          <cell r="U1007">
            <v>9.4882905098819242E-7</v>
          </cell>
          <cell r="V1007">
            <v>9.4882905098819242E-7</v>
          </cell>
          <cell r="W1007">
            <v>9.4882905098819242E-7</v>
          </cell>
        </row>
        <row r="1008">
          <cell r="A1008" t="str">
            <v>Sma_rec_spese_%</v>
          </cell>
          <cell r="G1008">
            <v>1.1264711042225076E-6</v>
          </cell>
          <cell r="H1008">
            <v>1.0812710786702089E-6</v>
          </cell>
          <cell r="I1008">
            <v>1.1038710914463584E-6</v>
          </cell>
          <cell r="J1008">
            <v>1.1038710914463584E-6</v>
          </cell>
          <cell r="K1008">
            <v>1.1038710914463584E-6</v>
          </cell>
          <cell r="L1008">
            <v>1.1038710914463584E-6</v>
          </cell>
          <cell r="M1008">
            <v>1.1038710914463584E-6</v>
          </cell>
          <cell r="N1008">
            <v>1.1038710914463584E-6</v>
          </cell>
          <cell r="O1008">
            <v>1.1038710914463584E-6</v>
          </cell>
          <cell r="P1008">
            <v>1.1038710914463584E-6</v>
          </cell>
          <cell r="Q1008">
            <v>1.1038710914463584E-6</v>
          </cell>
          <cell r="R1008">
            <v>1.1038710914463584E-6</v>
          </cell>
          <cell r="S1008">
            <v>1.1038710914463584E-6</v>
          </cell>
          <cell r="T1008">
            <v>1.1038710914463584E-6</v>
          </cell>
          <cell r="U1008">
            <v>1.1038710914463584E-6</v>
          </cell>
          <cell r="V1008">
            <v>1.1038710914463584E-6</v>
          </cell>
          <cell r="W1008">
            <v>1.1038710914463584E-6</v>
          </cell>
        </row>
        <row r="1009">
          <cell r="A1009" t="str">
            <v>Pri_rec_spese_%</v>
          </cell>
          <cell r="G1009">
            <v>9.1877135641063814E-7</v>
          </cell>
          <cell r="H1009">
            <v>8.9604265402843607E-7</v>
          </cell>
          <cell r="I1009">
            <v>9.0740700521953706E-7</v>
          </cell>
          <cell r="J1009">
            <v>9.0740700521953706E-7</v>
          </cell>
          <cell r="K1009">
            <v>9.0740700521953706E-7</v>
          </cell>
          <cell r="L1009">
            <v>9.0740700521953706E-7</v>
          </cell>
          <cell r="M1009">
            <v>9.0740700521953706E-7</v>
          </cell>
          <cell r="N1009">
            <v>9.0740700521953706E-7</v>
          </cell>
          <cell r="O1009">
            <v>9.0740700521953706E-7</v>
          </cell>
          <cell r="P1009">
            <v>9.0740700521953706E-7</v>
          </cell>
          <cell r="Q1009">
            <v>9.0740700521953706E-7</v>
          </cell>
          <cell r="R1009">
            <v>9.0740700521953706E-7</v>
          </cell>
          <cell r="S1009">
            <v>9.0740700521953706E-7</v>
          </cell>
          <cell r="T1009">
            <v>9.0740700521953706E-7</v>
          </cell>
          <cell r="U1009">
            <v>9.0740700521953706E-7</v>
          </cell>
          <cell r="V1009">
            <v>9.0740700521953706E-7</v>
          </cell>
          <cell r="W1009">
            <v>9.0740700521953706E-7</v>
          </cell>
        </row>
        <row r="1010">
          <cell r="A1010" t="str">
            <v>Fam_rec_spese_%</v>
          </cell>
          <cell r="G1010">
            <v>9.4186524239934274E-7</v>
          </cell>
          <cell r="H1010">
            <v>8.8475120385232754E-7</v>
          </cell>
          <cell r="I1010">
            <v>9.1330822312583509E-7</v>
          </cell>
          <cell r="J1010">
            <v>9.1330822312583509E-7</v>
          </cell>
          <cell r="K1010">
            <v>9.1330822312583509E-7</v>
          </cell>
          <cell r="L1010">
            <v>9.1330822312583509E-7</v>
          </cell>
          <cell r="M1010">
            <v>9.1330822312583509E-7</v>
          </cell>
          <cell r="N1010">
            <v>9.1330822312583509E-7</v>
          </cell>
          <cell r="O1010">
            <v>9.1330822312583509E-7</v>
          </cell>
          <cell r="P1010">
            <v>9.1330822312583509E-7</v>
          </cell>
          <cell r="Q1010">
            <v>9.1330822312583509E-7</v>
          </cell>
          <cell r="R1010">
            <v>9.1330822312583509E-7</v>
          </cell>
          <cell r="S1010">
            <v>9.1330822312583509E-7</v>
          </cell>
          <cell r="T1010">
            <v>9.1330822312583509E-7</v>
          </cell>
          <cell r="U1010">
            <v>9.1330822312583509E-7</v>
          </cell>
          <cell r="V1010">
            <v>9.1330822312583509E-7</v>
          </cell>
          <cell r="W1010">
            <v>9.1330822312583509E-7</v>
          </cell>
        </row>
        <row r="1011">
          <cell r="A1011" t="str">
            <v>PMI_rec_spese_%</v>
          </cell>
          <cell r="G1011">
            <v>2.0042875150292825E-6</v>
          </cell>
          <cell r="H1011">
            <v>1.919635464570044E-6</v>
          </cell>
          <cell r="I1011">
            <v>1.961961489799663E-6</v>
          </cell>
          <cell r="J1011">
            <v>1.961961489799663E-6</v>
          </cell>
          <cell r="K1011">
            <v>1.961961489799663E-6</v>
          </cell>
          <cell r="L1011">
            <v>1.961961489799663E-6</v>
          </cell>
          <cell r="M1011">
            <v>1.961961489799663E-6</v>
          </cell>
          <cell r="N1011">
            <v>1.961961489799663E-6</v>
          </cell>
          <cell r="O1011">
            <v>1.961961489799663E-6</v>
          </cell>
          <cell r="P1011">
            <v>1.961961489799663E-6</v>
          </cell>
          <cell r="Q1011">
            <v>1.961961489799663E-6</v>
          </cell>
          <cell r="R1011">
            <v>1.961961489799663E-6</v>
          </cell>
          <cell r="S1011">
            <v>1.961961489799663E-6</v>
          </cell>
          <cell r="T1011">
            <v>1.961961489799663E-6</v>
          </cell>
          <cell r="U1011">
            <v>1.961961489799663E-6</v>
          </cell>
          <cell r="V1011">
            <v>1.961961489799663E-6</v>
          </cell>
          <cell r="W1011">
            <v>1.961961489799663E-6</v>
          </cell>
        </row>
        <row r="1012">
          <cell r="A1012" t="str">
            <v>ENT_rec_spese_%</v>
          </cell>
          <cell r="G1012">
            <v>8.8399725443090707E-7</v>
          </cell>
          <cell r="H1012">
            <v>8.5809848830781803E-7</v>
          </cell>
          <cell r="I1012">
            <v>8.710478713693626E-7</v>
          </cell>
          <cell r="J1012">
            <v>8.710478713693626E-7</v>
          </cell>
          <cell r="K1012">
            <v>8.710478713693626E-7</v>
          </cell>
          <cell r="L1012">
            <v>8.710478713693626E-7</v>
          </cell>
          <cell r="M1012">
            <v>8.710478713693626E-7</v>
          </cell>
          <cell r="N1012">
            <v>8.710478713693626E-7</v>
          </cell>
          <cell r="O1012">
            <v>8.710478713693626E-7</v>
          </cell>
          <cell r="P1012">
            <v>8.710478713693626E-7</v>
          </cell>
          <cell r="Q1012">
            <v>8.710478713693626E-7</v>
          </cell>
          <cell r="R1012">
            <v>8.710478713693626E-7</v>
          </cell>
          <cell r="S1012">
            <v>8.710478713693626E-7</v>
          </cell>
          <cell r="T1012">
            <v>8.710478713693626E-7</v>
          </cell>
          <cell r="U1012">
            <v>8.710478713693626E-7</v>
          </cell>
          <cell r="V1012">
            <v>8.710478713693626E-7</v>
          </cell>
          <cell r="W1012">
            <v>8.710478713693626E-7</v>
          </cell>
        </row>
        <row r="1013">
          <cell r="A1013" t="str">
            <v>Cor_rec_spese_%</v>
          </cell>
          <cell r="G1013">
            <v>2.6218444100978865E-6</v>
          </cell>
          <cell r="H1013">
            <v>2.5312854800050458E-6</v>
          </cell>
          <cell r="I1013">
            <v>2.576564945051466E-6</v>
          </cell>
          <cell r="J1013">
            <v>2.576564945051466E-6</v>
          </cell>
          <cell r="K1013">
            <v>2.576564945051466E-6</v>
          </cell>
          <cell r="L1013">
            <v>2.576564945051466E-6</v>
          </cell>
          <cell r="M1013">
            <v>2.576564945051466E-6</v>
          </cell>
          <cell r="N1013">
            <v>2.576564945051466E-6</v>
          </cell>
          <cell r="O1013">
            <v>2.576564945051466E-6</v>
          </cell>
          <cell r="P1013">
            <v>2.576564945051466E-6</v>
          </cell>
          <cell r="Q1013">
            <v>2.576564945051466E-6</v>
          </cell>
          <cell r="R1013">
            <v>2.576564945051466E-6</v>
          </cell>
          <cell r="S1013">
            <v>2.576564945051466E-6</v>
          </cell>
          <cell r="T1013">
            <v>2.576564945051466E-6</v>
          </cell>
          <cell r="U1013">
            <v>2.576564945051466E-6</v>
          </cell>
          <cell r="V1013">
            <v>2.576564945051466E-6</v>
          </cell>
          <cell r="W1013">
            <v>2.576564945051466E-6</v>
          </cell>
        </row>
        <row r="1014">
          <cell r="A1014" t="str">
            <v>Gra_rec_spese_%</v>
          </cell>
          <cell r="G1014">
            <v>1.9567343867569602E-6</v>
          </cell>
          <cell r="H1014">
            <v>1.9675241976566477E-6</v>
          </cell>
          <cell r="I1014">
            <v>1.9621292922068041E-6</v>
          </cell>
          <cell r="J1014">
            <v>1.9621292922068041E-6</v>
          </cell>
          <cell r="K1014">
            <v>1.9621292922068041E-6</v>
          </cell>
          <cell r="L1014">
            <v>1.9621292922068041E-6</v>
          </cell>
          <cell r="M1014">
            <v>1.9621292922068041E-6</v>
          </cell>
          <cell r="N1014">
            <v>1.9621292922068041E-6</v>
          </cell>
          <cell r="O1014">
            <v>1.9621292922068041E-6</v>
          </cell>
          <cell r="P1014">
            <v>1.9621292922068041E-6</v>
          </cell>
          <cell r="Q1014">
            <v>1.9621292922068041E-6</v>
          </cell>
          <cell r="R1014">
            <v>1.9621292922068041E-6</v>
          </cell>
          <cell r="S1014">
            <v>1.9621292922068041E-6</v>
          </cell>
          <cell r="T1014">
            <v>1.9621292922068041E-6</v>
          </cell>
          <cell r="U1014">
            <v>1.9621292922068041E-6</v>
          </cell>
          <cell r="V1014">
            <v>1.9621292922068041E-6</v>
          </cell>
          <cell r="W1014">
            <v>1.9621292922068041E-6</v>
          </cell>
        </row>
        <row r="1015">
          <cell r="A1015" t="str">
            <v>FEX_rec_spese_%</v>
          </cell>
          <cell r="G1015">
            <v>0</v>
          </cell>
          <cell r="H1015">
            <v>0</v>
          </cell>
          <cell r="I1015">
            <v>0</v>
          </cell>
          <cell r="J1015">
            <v>0</v>
          </cell>
          <cell r="K1015">
            <v>0</v>
          </cell>
          <cell r="L1015">
            <v>0</v>
          </cell>
          <cell r="M1015">
            <v>0</v>
          </cell>
          <cell r="N1015">
            <v>0</v>
          </cell>
          <cell r="O1015">
            <v>0</v>
          </cell>
          <cell r="P1015">
            <v>0</v>
          </cell>
          <cell r="Q1015">
            <v>0</v>
          </cell>
          <cell r="R1015">
            <v>0</v>
          </cell>
          <cell r="S1015">
            <v>0</v>
          </cell>
          <cell r="T1015">
            <v>0</v>
          </cell>
          <cell r="U1015">
            <v>0</v>
          </cell>
          <cell r="V1015">
            <v>0</v>
          </cell>
          <cell r="W1015">
            <v>0</v>
          </cell>
        </row>
        <row r="1016">
          <cell r="A1016" t="str">
            <v>MCL_rec_spese_%</v>
          </cell>
          <cell r="G1016">
            <v>0</v>
          </cell>
          <cell r="H1016">
            <v>0</v>
          </cell>
          <cell r="I1016">
            <v>0</v>
          </cell>
          <cell r="J1016">
            <v>0</v>
          </cell>
          <cell r="K1016">
            <v>0</v>
          </cell>
          <cell r="L1016">
            <v>0</v>
          </cell>
          <cell r="M1016">
            <v>0</v>
          </cell>
          <cell r="N1016">
            <v>0</v>
          </cell>
          <cell r="O1016">
            <v>0</v>
          </cell>
          <cell r="P1016">
            <v>0</v>
          </cell>
          <cell r="Q1016">
            <v>0</v>
          </cell>
          <cell r="R1016">
            <v>0</v>
          </cell>
          <cell r="S1016">
            <v>0</v>
          </cell>
          <cell r="T1016">
            <v>0</v>
          </cell>
          <cell r="U1016">
            <v>0</v>
          </cell>
          <cell r="V1016">
            <v>0</v>
          </cell>
          <cell r="W1016">
            <v>0</v>
          </cell>
        </row>
        <row r="1017">
          <cell r="A1017" t="str">
            <v>MCG_rec_spese_%</v>
          </cell>
          <cell r="G1017">
            <v>0</v>
          </cell>
          <cell r="H1017">
            <v>0</v>
          </cell>
          <cell r="I1017">
            <v>0</v>
          </cell>
          <cell r="J1017">
            <v>0</v>
          </cell>
          <cell r="K1017">
            <v>0</v>
          </cell>
          <cell r="L1017">
            <v>0</v>
          </cell>
          <cell r="M1017">
            <v>0</v>
          </cell>
          <cell r="N1017">
            <v>0</v>
          </cell>
          <cell r="O1017">
            <v>0</v>
          </cell>
          <cell r="P1017">
            <v>0</v>
          </cell>
          <cell r="Q1017">
            <v>0</v>
          </cell>
          <cell r="R1017">
            <v>0</v>
          </cell>
          <cell r="S1017">
            <v>0</v>
          </cell>
          <cell r="T1017">
            <v>0</v>
          </cell>
          <cell r="U1017">
            <v>0</v>
          </cell>
          <cell r="V1017">
            <v>0</v>
          </cell>
          <cell r="W1017">
            <v>0</v>
          </cell>
        </row>
        <row r="1018">
          <cell r="A1018" t="str">
            <v>MLE_rec_spese_%</v>
          </cell>
          <cell r="G1018">
            <v>0</v>
          </cell>
          <cell r="H1018">
            <v>0</v>
          </cell>
          <cell r="I1018">
            <v>0</v>
          </cell>
          <cell r="J1018">
            <v>0</v>
          </cell>
          <cell r="K1018">
            <v>0</v>
          </cell>
          <cell r="L1018">
            <v>0</v>
          </cell>
          <cell r="M1018">
            <v>0</v>
          </cell>
          <cell r="N1018">
            <v>0</v>
          </cell>
          <cell r="O1018">
            <v>0</v>
          </cell>
          <cell r="P1018">
            <v>0</v>
          </cell>
          <cell r="Q1018">
            <v>0</v>
          </cell>
          <cell r="R1018">
            <v>0</v>
          </cell>
          <cell r="S1018">
            <v>0</v>
          </cell>
          <cell r="T1018">
            <v>0</v>
          </cell>
          <cell r="U1018">
            <v>0</v>
          </cell>
          <cell r="V1018">
            <v>0</v>
          </cell>
          <cell r="W1018">
            <v>0</v>
          </cell>
        </row>
        <row r="1019">
          <cell r="A1019" t="str">
            <v>MFA_rec_spese_%</v>
          </cell>
          <cell r="G1019">
            <v>0</v>
          </cell>
          <cell r="H1019">
            <v>0</v>
          </cell>
          <cell r="I1019">
            <v>0</v>
          </cell>
          <cell r="J1019">
            <v>0</v>
          </cell>
          <cell r="K1019">
            <v>0</v>
          </cell>
          <cell r="L1019">
            <v>0</v>
          </cell>
          <cell r="M1019">
            <v>0</v>
          </cell>
          <cell r="N1019">
            <v>0</v>
          </cell>
          <cell r="O1019">
            <v>0</v>
          </cell>
          <cell r="P1019">
            <v>0</v>
          </cell>
          <cell r="Q1019">
            <v>0</v>
          </cell>
          <cell r="R1019">
            <v>0</v>
          </cell>
          <cell r="S1019">
            <v>0</v>
          </cell>
          <cell r="T1019">
            <v>0</v>
          </cell>
          <cell r="U1019">
            <v>0</v>
          </cell>
          <cell r="V1019">
            <v>0</v>
          </cell>
          <cell r="W1019">
            <v>0</v>
          </cell>
        </row>
        <row r="1020">
          <cell r="A1020" t="str">
            <v>MBQ_rec_spese_%</v>
          </cell>
          <cell r="G1020">
            <v>0</v>
          </cell>
          <cell r="H1020">
            <v>0</v>
          </cell>
          <cell r="I1020">
            <v>0</v>
          </cell>
          <cell r="J1020">
            <v>0</v>
          </cell>
          <cell r="K1020">
            <v>0</v>
          </cell>
          <cell r="L1020">
            <v>0</v>
          </cell>
          <cell r="M1020">
            <v>0</v>
          </cell>
          <cell r="N1020">
            <v>0</v>
          </cell>
          <cell r="O1020">
            <v>0</v>
          </cell>
          <cell r="P1020">
            <v>0</v>
          </cell>
          <cell r="Q1020">
            <v>0</v>
          </cell>
          <cell r="R1020">
            <v>0</v>
          </cell>
          <cell r="S1020">
            <v>0</v>
          </cell>
          <cell r="T1020">
            <v>0</v>
          </cell>
          <cell r="U1020">
            <v>0</v>
          </cell>
          <cell r="V1020">
            <v>0</v>
          </cell>
          <cell r="W1020">
            <v>0</v>
          </cell>
        </row>
        <row r="1021">
          <cell r="A1021" t="str">
            <v>MBG_rec_spese_%</v>
          </cell>
          <cell r="G1021">
            <v>0</v>
          </cell>
          <cell r="H1021">
            <v>0</v>
          </cell>
          <cell r="I1021">
            <v>0</v>
          </cell>
          <cell r="J1021">
            <v>0</v>
          </cell>
          <cell r="K1021">
            <v>0</v>
          </cell>
          <cell r="L1021">
            <v>0</v>
          </cell>
          <cell r="M1021">
            <v>0</v>
          </cell>
          <cell r="N1021">
            <v>0</v>
          </cell>
          <cell r="O1021">
            <v>0</v>
          </cell>
          <cell r="P1021">
            <v>0</v>
          </cell>
          <cell r="Q1021">
            <v>0</v>
          </cell>
          <cell r="R1021">
            <v>0</v>
          </cell>
          <cell r="S1021">
            <v>0</v>
          </cell>
          <cell r="T1021">
            <v>0</v>
          </cell>
          <cell r="U1021">
            <v>0</v>
          </cell>
          <cell r="V1021">
            <v>0</v>
          </cell>
          <cell r="W1021">
            <v>0</v>
          </cell>
        </row>
        <row r="1022">
          <cell r="A1022" t="str">
            <v>WID_rec_spese_%</v>
          </cell>
          <cell r="G1022">
            <v>0</v>
          </cell>
          <cell r="H1022">
            <v>0</v>
          </cell>
          <cell r="I1022">
            <v>0</v>
          </cell>
          <cell r="J1022">
            <v>0</v>
          </cell>
          <cell r="K1022">
            <v>0</v>
          </cell>
          <cell r="L1022">
            <v>0</v>
          </cell>
          <cell r="M1022">
            <v>0</v>
          </cell>
          <cell r="N1022">
            <v>0</v>
          </cell>
          <cell r="O1022">
            <v>0</v>
          </cell>
          <cell r="P1022">
            <v>0</v>
          </cell>
          <cell r="Q1022">
            <v>0</v>
          </cell>
          <cell r="R1022">
            <v>0</v>
          </cell>
          <cell r="S1022">
            <v>0</v>
          </cell>
          <cell r="T1022">
            <v>0</v>
          </cell>
          <cell r="U1022">
            <v>0</v>
          </cell>
          <cell r="V1022">
            <v>0</v>
          </cell>
          <cell r="W1022">
            <v>0</v>
          </cell>
        </row>
        <row r="1023">
          <cell r="A1023" t="str">
            <v>FIN_rec_spese_%</v>
          </cell>
          <cell r="G1023">
            <v>0</v>
          </cell>
          <cell r="H1023">
            <v>0</v>
          </cell>
          <cell r="I1023">
            <v>0</v>
          </cell>
          <cell r="J1023">
            <v>0</v>
          </cell>
          <cell r="K1023">
            <v>0</v>
          </cell>
          <cell r="L1023">
            <v>0</v>
          </cell>
          <cell r="M1023">
            <v>0</v>
          </cell>
          <cell r="N1023">
            <v>0</v>
          </cell>
          <cell r="O1023">
            <v>0</v>
          </cell>
          <cell r="P1023">
            <v>0</v>
          </cell>
          <cell r="Q1023">
            <v>0</v>
          </cell>
          <cell r="R1023">
            <v>0</v>
          </cell>
          <cell r="S1023">
            <v>0</v>
          </cell>
          <cell r="T1023">
            <v>0</v>
          </cell>
          <cell r="U1023">
            <v>0</v>
          </cell>
          <cell r="V1023">
            <v>0</v>
          </cell>
          <cell r="W1023">
            <v>0</v>
          </cell>
        </row>
        <row r="1024">
          <cell r="A1024" t="str">
            <v>ALM_rec_spese_%</v>
          </cell>
          <cell r="G1024">
            <v>0</v>
          </cell>
          <cell r="H1024">
            <v>0</v>
          </cell>
          <cell r="I1024">
            <v>0</v>
          </cell>
          <cell r="J1024">
            <v>0</v>
          </cell>
          <cell r="K1024">
            <v>0</v>
          </cell>
          <cell r="L1024">
            <v>0</v>
          </cell>
          <cell r="M1024">
            <v>0</v>
          </cell>
          <cell r="N1024">
            <v>0</v>
          </cell>
          <cell r="O1024">
            <v>0</v>
          </cell>
          <cell r="P1024">
            <v>0</v>
          </cell>
          <cell r="Q1024">
            <v>0</v>
          </cell>
          <cell r="R1024">
            <v>0</v>
          </cell>
          <cell r="S1024">
            <v>0</v>
          </cell>
          <cell r="T1024">
            <v>0</v>
          </cell>
          <cell r="U1024">
            <v>0</v>
          </cell>
          <cell r="V1024">
            <v>0</v>
          </cell>
          <cell r="W1024">
            <v>0</v>
          </cell>
        </row>
        <row r="1025">
          <cell r="A1025" t="str">
            <v>FUO_rec_spese_%</v>
          </cell>
          <cell r="G1025">
            <v>0</v>
          </cell>
          <cell r="H1025">
            <v>0</v>
          </cell>
          <cell r="I1025">
            <v>0</v>
          </cell>
          <cell r="J1025">
            <v>0</v>
          </cell>
          <cell r="K1025">
            <v>0</v>
          </cell>
          <cell r="L1025">
            <v>0</v>
          </cell>
          <cell r="M1025">
            <v>0</v>
          </cell>
          <cell r="N1025">
            <v>0</v>
          </cell>
          <cell r="O1025">
            <v>0</v>
          </cell>
          <cell r="P1025">
            <v>0</v>
          </cell>
          <cell r="Q1025">
            <v>0</v>
          </cell>
          <cell r="R1025">
            <v>0</v>
          </cell>
          <cell r="S1025">
            <v>0</v>
          </cell>
          <cell r="T1025">
            <v>0</v>
          </cell>
          <cell r="U1025">
            <v>0</v>
          </cell>
          <cell r="V1025">
            <v>0</v>
          </cell>
          <cell r="W1025">
            <v>0</v>
          </cell>
        </row>
        <row r="1026">
          <cell r="A1026" t="str">
            <v>XXX_rec_spese_%</v>
          </cell>
          <cell r="G1026">
            <v>0</v>
          </cell>
          <cell r="H1026">
            <v>0</v>
          </cell>
          <cell r="I1026">
            <v>0</v>
          </cell>
          <cell r="J1026">
            <v>0</v>
          </cell>
          <cell r="K1026">
            <v>0</v>
          </cell>
          <cell r="L1026">
            <v>0</v>
          </cell>
          <cell r="M1026">
            <v>0</v>
          </cell>
          <cell r="N1026">
            <v>0</v>
          </cell>
          <cell r="O1026">
            <v>0</v>
          </cell>
          <cell r="P1026">
            <v>0</v>
          </cell>
          <cell r="Q1026">
            <v>0</v>
          </cell>
          <cell r="R1026">
            <v>0</v>
          </cell>
          <cell r="S1026">
            <v>0</v>
          </cell>
          <cell r="T1026">
            <v>0</v>
          </cell>
          <cell r="U1026">
            <v>0</v>
          </cell>
          <cell r="V1026">
            <v>0</v>
          </cell>
          <cell r="W1026">
            <v>0</v>
          </cell>
        </row>
        <row r="1027">
          <cell r="G1027">
            <v>0</v>
          </cell>
          <cell r="H1027">
            <v>0</v>
          </cell>
          <cell r="I1027">
            <v>0</v>
          </cell>
          <cell r="J1027">
            <v>0</v>
          </cell>
          <cell r="K1027">
            <v>0</v>
          </cell>
          <cell r="L1027">
            <v>0</v>
          </cell>
          <cell r="M1027">
            <v>0</v>
          </cell>
          <cell r="N1027">
            <v>0</v>
          </cell>
          <cell r="O1027">
            <v>0</v>
          </cell>
          <cell r="P1027">
            <v>0</v>
          </cell>
          <cell r="Q1027">
            <v>0</v>
          </cell>
          <cell r="R1027">
            <v>0</v>
          </cell>
          <cell r="S1027">
            <v>0</v>
          </cell>
          <cell r="T1027">
            <v>0</v>
          </cell>
          <cell r="U1027">
            <v>0</v>
          </cell>
          <cell r="V1027">
            <v>0</v>
          </cell>
          <cell r="W1027">
            <v>0</v>
          </cell>
        </row>
        <row r="1028">
          <cell r="G1028">
            <v>0</v>
          </cell>
          <cell r="H1028">
            <v>0</v>
          </cell>
          <cell r="I1028">
            <v>0</v>
          </cell>
          <cell r="J1028">
            <v>0</v>
          </cell>
          <cell r="K1028">
            <v>0</v>
          </cell>
          <cell r="L1028">
            <v>0</v>
          </cell>
          <cell r="M1028">
            <v>0</v>
          </cell>
          <cell r="N1028">
            <v>0</v>
          </cell>
          <cell r="O1028">
            <v>0</v>
          </cell>
          <cell r="P1028">
            <v>0</v>
          </cell>
          <cell r="Q1028">
            <v>0</v>
          </cell>
          <cell r="R1028">
            <v>0</v>
          </cell>
          <cell r="S1028">
            <v>0</v>
          </cell>
          <cell r="T1028">
            <v>0</v>
          </cell>
          <cell r="U1028">
            <v>0</v>
          </cell>
          <cell r="V1028">
            <v>0</v>
          </cell>
          <cell r="W1028">
            <v>0</v>
          </cell>
        </row>
        <row r="1029">
          <cell r="G1029">
            <v>0</v>
          </cell>
          <cell r="H1029">
            <v>0</v>
          </cell>
          <cell r="I1029">
            <v>0</v>
          </cell>
          <cell r="J1029">
            <v>0</v>
          </cell>
          <cell r="K1029">
            <v>0</v>
          </cell>
          <cell r="L1029">
            <v>0</v>
          </cell>
          <cell r="M1029">
            <v>0</v>
          </cell>
          <cell r="N1029">
            <v>0</v>
          </cell>
          <cell r="O1029">
            <v>0</v>
          </cell>
          <cell r="P1029">
            <v>0</v>
          </cell>
          <cell r="Q1029">
            <v>0</v>
          </cell>
          <cell r="R1029">
            <v>0</v>
          </cell>
          <cell r="S1029">
            <v>0</v>
          </cell>
          <cell r="T1029">
            <v>0</v>
          </cell>
          <cell r="U1029">
            <v>0</v>
          </cell>
          <cell r="V1029">
            <v>0</v>
          </cell>
          <cell r="W1029">
            <v>0</v>
          </cell>
        </row>
        <row r="1030">
          <cell r="G1030">
            <v>0</v>
          </cell>
          <cell r="H1030">
            <v>0</v>
          </cell>
          <cell r="I1030">
            <v>0</v>
          </cell>
          <cell r="J1030">
            <v>0</v>
          </cell>
          <cell r="K1030">
            <v>0</v>
          </cell>
          <cell r="L1030">
            <v>0</v>
          </cell>
          <cell r="M1030">
            <v>0</v>
          </cell>
          <cell r="N1030">
            <v>0</v>
          </cell>
          <cell r="O1030">
            <v>0</v>
          </cell>
          <cell r="P1030">
            <v>0</v>
          </cell>
          <cell r="Q1030">
            <v>0</v>
          </cell>
          <cell r="R1030">
            <v>0</v>
          </cell>
          <cell r="S1030">
            <v>0</v>
          </cell>
          <cell r="T1030">
            <v>0</v>
          </cell>
          <cell r="U1030">
            <v>0</v>
          </cell>
          <cell r="V1030">
            <v>0</v>
          </cell>
          <cell r="W1030">
            <v>0</v>
          </cell>
        </row>
        <row r="1031">
          <cell r="G1031">
            <v>0</v>
          </cell>
          <cell r="H1031">
            <v>0</v>
          </cell>
          <cell r="I1031">
            <v>0</v>
          </cell>
          <cell r="J1031">
            <v>0</v>
          </cell>
          <cell r="K1031">
            <v>0</v>
          </cell>
          <cell r="L1031">
            <v>0</v>
          </cell>
          <cell r="M1031">
            <v>0</v>
          </cell>
          <cell r="N1031">
            <v>0</v>
          </cell>
          <cell r="O1031">
            <v>0</v>
          </cell>
          <cell r="P1031">
            <v>0</v>
          </cell>
          <cell r="Q1031">
            <v>0</v>
          </cell>
          <cell r="R1031">
            <v>0</v>
          </cell>
          <cell r="S1031">
            <v>0</v>
          </cell>
          <cell r="T1031">
            <v>0</v>
          </cell>
          <cell r="U1031">
            <v>0</v>
          </cell>
          <cell r="V1031">
            <v>0</v>
          </cell>
          <cell r="W1031">
            <v>0</v>
          </cell>
        </row>
        <row r="1032">
          <cell r="G1032">
            <v>0</v>
          </cell>
          <cell r="H1032">
            <v>0</v>
          </cell>
          <cell r="I1032">
            <v>0</v>
          </cell>
          <cell r="J1032">
            <v>0</v>
          </cell>
          <cell r="K1032">
            <v>0</v>
          </cell>
          <cell r="L1032">
            <v>0</v>
          </cell>
          <cell r="M1032">
            <v>0</v>
          </cell>
          <cell r="N1032">
            <v>0</v>
          </cell>
          <cell r="O1032">
            <v>0</v>
          </cell>
          <cell r="P1032">
            <v>0</v>
          </cell>
          <cell r="Q1032">
            <v>0</v>
          </cell>
          <cell r="R1032">
            <v>0</v>
          </cell>
          <cell r="S1032">
            <v>0</v>
          </cell>
          <cell r="T1032">
            <v>0</v>
          </cell>
          <cell r="U1032">
            <v>0</v>
          </cell>
          <cell r="V1032">
            <v>0</v>
          </cell>
          <cell r="W1032">
            <v>0</v>
          </cell>
        </row>
        <row r="1033">
          <cell r="G1033">
            <v>0</v>
          </cell>
          <cell r="H1033">
            <v>0</v>
          </cell>
          <cell r="I1033">
            <v>0</v>
          </cell>
          <cell r="J1033">
            <v>0</v>
          </cell>
          <cell r="K1033">
            <v>0</v>
          </cell>
          <cell r="L1033">
            <v>0</v>
          </cell>
          <cell r="M1033">
            <v>0</v>
          </cell>
          <cell r="N1033">
            <v>0</v>
          </cell>
          <cell r="O1033">
            <v>0</v>
          </cell>
          <cell r="P1033">
            <v>0</v>
          </cell>
          <cell r="Q1033">
            <v>0</v>
          </cell>
          <cell r="R1033">
            <v>0</v>
          </cell>
          <cell r="S1033">
            <v>0</v>
          </cell>
          <cell r="T1033">
            <v>0</v>
          </cell>
          <cell r="U1033">
            <v>0</v>
          </cell>
          <cell r="V1033">
            <v>0</v>
          </cell>
          <cell r="W1033">
            <v>0</v>
          </cell>
        </row>
        <row r="1034">
          <cell r="G1034">
            <v>0</v>
          </cell>
          <cell r="H1034">
            <v>0</v>
          </cell>
          <cell r="I1034">
            <v>0</v>
          </cell>
          <cell r="J1034">
            <v>0</v>
          </cell>
          <cell r="K1034">
            <v>0</v>
          </cell>
          <cell r="L1034">
            <v>0</v>
          </cell>
          <cell r="M1034">
            <v>0</v>
          </cell>
          <cell r="N1034">
            <v>0</v>
          </cell>
          <cell r="O1034">
            <v>0</v>
          </cell>
          <cell r="P1034">
            <v>0</v>
          </cell>
          <cell r="Q1034">
            <v>0</v>
          </cell>
          <cell r="R1034">
            <v>0</v>
          </cell>
          <cell r="S1034">
            <v>0</v>
          </cell>
          <cell r="T1034">
            <v>0</v>
          </cell>
          <cell r="U1034">
            <v>0</v>
          </cell>
          <cell r="V1034">
            <v>0</v>
          </cell>
          <cell r="W1034">
            <v>0</v>
          </cell>
        </row>
        <row r="1035">
          <cell r="G1035">
            <v>0</v>
          </cell>
          <cell r="H1035">
            <v>0</v>
          </cell>
          <cell r="I1035">
            <v>0</v>
          </cell>
          <cell r="J1035">
            <v>0</v>
          </cell>
          <cell r="K1035">
            <v>0</v>
          </cell>
          <cell r="L1035">
            <v>0</v>
          </cell>
          <cell r="M1035">
            <v>0</v>
          </cell>
          <cell r="N1035">
            <v>0</v>
          </cell>
          <cell r="O1035">
            <v>0</v>
          </cell>
          <cell r="P1035">
            <v>0</v>
          </cell>
          <cell r="Q1035">
            <v>0</v>
          </cell>
          <cell r="R1035">
            <v>0</v>
          </cell>
          <cell r="S1035">
            <v>0</v>
          </cell>
          <cell r="T1035">
            <v>0</v>
          </cell>
          <cell r="U1035">
            <v>0</v>
          </cell>
          <cell r="V1035">
            <v>0</v>
          </cell>
          <cell r="W1035">
            <v>0</v>
          </cell>
        </row>
        <row r="1036">
          <cell r="G1036">
            <v>0</v>
          </cell>
          <cell r="H1036">
            <v>0</v>
          </cell>
          <cell r="I1036">
            <v>0</v>
          </cell>
          <cell r="J1036">
            <v>0</v>
          </cell>
          <cell r="K1036">
            <v>0</v>
          </cell>
          <cell r="L1036">
            <v>0</v>
          </cell>
          <cell r="M1036">
            <v>0</v>
          </cell>
          <cell r="N1036">
            <v>0</v>
          </cell>
          <cell r="O1036">
            <v>0</v>
          </cell>
          <cell r="P1036">
            <v>0</v>
          </cell>
          <cell r="Q1036">
            <v>0</v>
          </cell>
          <cell r="R1036">
            <v>0</v>
          </cell>
          <cell r="S1036">
            <v>0</v>
          </cell>
          <cell r="T1036">
            <v>0</v>
          </cell>
          <cell r="U1036">
            <v>0</v>
          </cell>
          <cell r="V1036">
            <v>0</v>
          </cell>
          <cell r="W1036">
            <v>0</v>
          </cell>
        </row>
        <row r="1037">
          <cell r="G1037">
            <v>0</v>
          </cell>
          <cell r="H1037">
            <v>0</v>
          </cell>
          <cell r="I1037">
            <v>0</v>
          </cell>
          <cell r="J1037">
            <v>0</v>
          </cell>
          <cell r="K1037">
            <v>0</v>
          </cell>
          <cell r="L1037">
            <v>0</v>
          </cell>
          <cell r="M1037">
            <v>0</v>
          </cell>
          <cell r="N1037">
            <v>0</v>
          </cell>
          <cell r="O1037">
            <v>0</v>
          </cell>
          <cell r="P1037">
            <v>0</v>
          </cell>
          <cell r="Q1037">
            <v>0</v>
          </cell>
          <cell r="R1037">
            <v>0</v>
          </cell>
          <cell r="S1037">
            <v>0</v>
          </cell>
          <cell r="T1037">
            <v>0</v>
          </cell>
          <cell r="U1037">
            <v>0</v>
          </cell>
          <cell r="V1037">
            <v>0</v>
          </cell>
          <cell r="W1037">
            <v>0</v>
          </cell>
        </row>
        <row r="1038">
          <cell r="G1038">
            <v>0</v>
          </cell>
          <cell r="H1038">
            <v>0</v>
          </cell>
          <cell r="I1038">
            <v>0</v>
          </cell>
          <cell r="J1038">
            <v>0</v>
          </cell>
          <cell r="K1038">
            <v>0</v>
          </cell>
          <cell r="L1038">
            <v>0</v>
          </cell>
          <cell r="M1038">
            <v>0</v>
          </cell>
          <cell r="N1038">
            <v>0</v>
          </cell>
          <cell r="O1038">
            <v>0</v>
          </cell>
          <cell r="P1038">
            <v>0</v>
          </cell>
          <cell r="Q1038">
            <v>0</v>
          </cell>
          <cell r="R1038">
            <v>0</v>
          </cell>
          <cell r="S1038">
            <v>0</v>
          </cell>
          <cell r="T1038">
            <v>0</v>
          </cell>
          <cell r="U1038">
            <v>0</v>
          </cell>
          <cell r="V1038">
            <v>0</v>
          </cell>
          <cell r="W1038">
            <v>0</v>
          </cell>
        </row>
        <row r="1039">
          <cell r="G1039">
            <v>0</v>
          </cell>
          <cell r="H1039">
            <v>0</v>
          </cell>
          <cell r="I1039">
            <v>0</v>
          </cell>
          <cell r="J1039">
            <v>0</v>
          </cell>
          <cell r="K1039">
            <v>0</v>
          </cell>
          <cell r="L1039">
            <v>0</v>
          </cell>
          <cell r="M1039">
            <v>0</v>
          </cell>
          <cell r="N1039">
            <v>0</v>
          </cell>
          <cell r="O1039">
            <v>0</v>
          </cell>
          <cell r="P1039">
            <v>0</v>
          </cell>
          <cell r="Q1039">
            <v>0</v>
          </cell>
          <cell r="R1039">
            <v>0</v>
          </cell>
          <cell r="S1039">
            <v>0</v>
          </cell>
          <cell r="T1039">
            <v>0</v>
          </cell>
          <cell r="U1039">
            <v>0</v>
          </cell>
          <cell r="V1039">
            <v>0</v>
          </cell>
          <cell r="W1039">
            <v>0</v>
          </cell>
        </row>
        <row r="1040">
          <cell r="G1040">
            <v>0</v>
          </cell>
          <cell r="H1040">
            <v>0</v>
          </cell>
          <cell r="I1040">
            <v>0</v>
          </cell>
          <cell r="J1040">
            <v>0</v>
          </cell>
          <cell r="K1040">
            <v>0</v>
          </cell>
          <cell r="L1040">
            <v>0</v>
          </cell>
          <cell r="M1040">
            <v>0</v>
          </cell>
          <cell r="N1040">
            <v>0</v>
          </cell>
          <cell r="O1040">
            <v>0</v>
          </cell>
          <cell r="P1040">
            <v>0</v>
          </cell>
          <cell r="Q1040">
            <v>0</v>
          </cell>
          <cell r="R1040">
            <v>0</v>
          </cell>
          <cell r="S1040">
            <v>0</v>
          </cell>
          <cell r="T1040">
            <v>0</v>
          </cell>
          <cell r="U1040">
            <v>0</v>
          </cell>
          <cell r="V1040">
            <v>0</v>
          </cell>
          <cell r="W1040">
            <v>0</v>
          </cell>
        </row>
        <row r="1041">
          <cell r="G1041">
            <v>0</v>
          </cell>
          <cell r="H1041">
            <v>0</v>
          </cell>
          <cell r="I1041">
            <v>0</v>
          </cell>
          <cell r="J1041">
            <v>0</v>
          </cell>
          <cell r="K1041">
            <v>0</v>
          </cell>
          <cell r="L1041">
            <v>0</v>
          </cell>
          <cell r="M1041">
            <v>0</v>
          </cell>
          <cell r="N1041">
            <v>0</v>
          </cell>
          <cell r="O1041">
            <v>0</v>
          </cell>
          <cell r="P1041">
            <v>0</v>
          </cell>
          <cell r="Q1041">
            <v>0</v>
          </cell>
          <cell r="R1041">
            <v>0</v>
          </cell>
          <cell r="S1041">
            <v>0</v>
          </cell>
          <cell r="T1041">
            <v>0</v>
          </cell>
          <cell r="U1041">
            <v>0</v>
          </cell>
          <cell r="V1041">
            <v>0</v>
          </cell>
          <cell r="W1041">
            <v>0</v>
          </cell>
        </row>
        <row r="1042">
          <cell r="G1042">
            <v>0</v>
          </cell>
          <cell r="H1042">
            <v>0</v>
          </cell>
          <cell r="I1042">
            <v>0</v>
          </cell>
          <cell r="J1042">
            <v>0</v>
          </cell>
          <cell r="K1042">
            <v>0</v>
          </cell>
          <cell r="L1042">
            <v>0</v>
          </cell>
          <cell r="M1042">
            <v>0</v>
          </cell>
          <cell r="N1042">
            <v>0</v>
          </cell>
          <cell r="O1042">
            <v>0</v>
          </cell>
          <cell r="P1042">
            <v>0</v>
          </cell>
          <cell r="Q1042">
            <v>0</v>
          </cell>
          <cell r="R1042">
            <v>0</v>
          </cell>
          <cell r="S1042">
            <v>0</v>
          </cell>
          <cell r="T1042">
            <v>0</v>
          </cell>
          <cell r="U1042">
            <v>0</v>
          </cell>
          <cell r="V1042">
            <v>0</v>
          </cell>
          <cell r="W1042">
            <v>0</v>
          </cell>
        </row>
        <row r="1043">
          <cell r="G1043">
            <v>0</v>
          </cell>
          <cell r="H1043">
            <v>0</v>
          </cell>
          <cell r="I1043">
            <v>0</v>
          </cell>
          <cell r="J1043">
            <v>0</v>
          </cell>
          <cell r="K1043">
            <v>0</v>
          </cell>
          <cell r="L1043">
            <v>0</v>
          </cell>
          <cell r="M1043">
            <v>0</v>
          </cell>
          <cell r="N1043">
            <v>0</v>
          </cell>
          <cell r="O1043">
            <v>0</v>
          </cell>
          <cell r="P1043">
            <v>0</v>
          </cell>
          <cell r="Q1043">
            <v>0</v>
          </cell>
          <cell r="R1043">
            <v>0</v>
          </cell>
          <cell r="S1043">
            <v>0</v>
          </cell>
          <cell r="T1043">
            <v>0</v>
          </cell>
          <cell r="U1043">
            <v>0</v>
          </cell>
          <cell r="V1043">
            <v>0</v>
          </cell>
          <cell r="W1043">
            <v>0</v>
          </cell>
        </row>
        <row r="1044">
          <cell r="G1044">
            <v>0</v>
          </cell>
          <cell r="H1044">
            <v>0</v>
          </cell>
          <cell r="I1044">
            <v>0</v>
          </cell>
          <cell r="J1044">
            <v>0</v>
          </cell>
          <cell r="K1044">
            <v>0</v>
          </cell>
          <cell r="L1044">
            <v>0</v>
          </cell>
          <cell r="M1044">
            <v>0</v>
          </cell>
          <cell r="N1044">
            <v>0</v>
          </cell>
          <cell r="O1044">
            <v>0</v>
          </cell>
          <cell r="P1044">
            <v>0</v>
          </cell>
          <cell r="Q1044">
            <v>0</v>
          </cell>
          <cell r="R1044">
            <v>0</v>
          </cell>
          <cell r="S1044">
            <v>0</v>
          </cell>
          <cell r="T1044">
            <v>0</v>
          </cell>
          <cell r="U1044">
            <v>0</v>
          </cell>
          <cell r="V1044">
            <v>0</v>
          </cell>
          <cell r="W1044">
            <v>0</v>
          </cell>
        </row>
        <row r="1045">
          <cell r="G1045">
            <v>0</v>
          </cell>
          <cell r="H1045">
            <v>0</v>
          </cell>
          <cell r="I1045">
            <v>0</v>
          </cell>
          <cell r="J1045">
            <v>0</v>
          </cell>
          <cell r="K1045">
            <v>0</v>
          </cell>
          <cell r="L1045">
            <v>0</v>
          </cell>
          <cell r="M1045">
            <v>0</v>
          </cell>
          <cell r="N1045">
            <v>0</v>
          </cell>
          <cell r="O1045">
            <v>0</v>
          </cell>
          <cell r="P1045">
            <v>0</v>
          </cell>
          <cell r="Q1045">
            <v>0</v>
          </cell>
          <cell r="R1045">
            <v>0</v>
          </cell>
          <cell r="S1045">
            <v>0</v>
          </cell>
          <cell r="T1045">
            <v>0</v>
          </cell>
          <cell r="U1045">
            <v>0</v>
          </cell>
          <cell r="V1045">
            <v>0</v>
          </cell>
          <cell r="W1045">
            <v>0</v>
          </cell>
        </row>
        <row r="1046">
          <cell r="G1046">
            <v>0</v>
          </cell>
          <cell r="H1046">
            <v>0</v>
          </cell>
          <cell r="I1046">
            <v>0</v>
          </cell>
          <cell r="J1046">
            <v>0</v>
          </cell>
          <cell r="K1046">
            <v>0</v>
          </cell>
          <cell r="L1046">
            <v>0</v>
          </cell>
          <cell r="M1046">
            <v>0</v>
          </cell>
          <cell r="N1046">
            <v>0</v>
          </cell>
          <cell r="O1046">
            <v>0</v>
          </cell>
          <cell r="P1046">
            <v>0</v>
          </cell>
          <cell r="Q1046">
            <v>0</v>
          </cell>
          <cell r="R1046">
            <v>0</v>
          </cell>
          <cell r="S1046">
            <v>0</v>
          </cell>
          <cell r="T1046">
            <v>0</v>
          </cell>
          <cell r="U1046">
            <v>0</v>
          </cell>
          <cell r="V1046">
            <v>0</v>
          </cell>
          <cell r="W1046">
            <v>0</v>
          </cell>
        </row>
        <row r="1047">
          <cell r="G1047">
            <v>0</v>
          </cell>
          <cell r="H1047">
            <v>0</v>
          </cell>
          <cell r="I1047">
            <v>0</v>
          </cell>
          <cell r="J1047">
            <v>0</v>
          </cell>
          <cell r="K1047">
            <v>0</v>
          </cell>
          <cell r="L1047">
            <v>0</v>
          </cell>
          <cell r="M1047">
            <v>0</v>
          </cell>
          <cell r="N1047">
            <v>0</v>
          </cell>
          <cell r="O1047">
            <v>0</v>
          </cell>
          <cell r="P1047">
            <v>0</v>
          </cell>
          <cell r="Q1047">
            <v>0</v>
          </cell>
          <cell r="R1047">
            <v>0</v>
          </cell>
          <cell r="S1047">
            <v>0</v>
          </cell>
          <cell r="T1047">
            <v>0</v>
          </cell>
          <cell r="U1047">
            <v>0</v>
          </cell>
          <cell r="V1047">
            <v>0</v>
          </cell>
          <cell r="W1047">
            <v>0</v>
          </cell>
        </row>
        <row r="1048">
          <cell r="G1048">
            <v>0</v>
          </cell>
          <cell r="H1048">
            <v>0</v>
          </cell>
          <cell r="I1048">
            <v>0</v>
          </cell>
          <cell r="J1048">
            <v>0</v>
          </cell>
          <cell r="K1048">
            <v>0</v>
          </cell>
          <cell r="L1048">
            <v>0</v>
          </cell>
          <cell r="M1048">
            <v>0</v>
          </cell>
          <cell r="N1048">
            <v>0</v>
          </cell>
          <cell r="O1048">
            <v>0</v>
          </cell>
          <cell r="P1048">
            <v>0</v>
          </cell>
          <cell r="Q1048">
            <v>0</v>
          </cell>
          <cell r="R1048">
            <v>0</v>
          </cell>
          <cell r="S1048">
            <v>0</v>
          </cell>
          <cell r="T1048">
            <v>0</v>
          </cell>
          <cell r="U1048">
            <v>0</v>
          </cell>
          <cell r="V1048">
            <v>0</v>
          </cell>
          <cell r="W1048">
            <v>0</v>
          </cell>
        </row>
        <row r="1049">
          <cell r="A1049" t="str">
            <v>Val_cassette_%</v>
          </cell>
          <cell r="G1049">
            <v>1.6721643491209044E-7</v>
          </cell>
          <cell r="H1049">
            <v>1.7684289688569162E-7</v>
          </cell>
          <cell r="I1049">
            <v>1.7202966589889105E-7</v>
          </cell>
          <cell r="J1049">
            <v>1.7202966589889105E-7</v>
          </cell>
          <cell r="K1049">
            <v>1.7202966589889105E-7</v>
          </cell>
          <cell r="L1049">
            <v>1.7202966589889105E-7</v>
          </cell>
          <cell r="M1049">
            <v>1.7202966589889105E-7</v>
          </cell>
          <cell r="N1049">
            <v>1.7202966589889105E-7</v>
          </cell>
          <cell r="O1049">
            <v>1.7202966589889105E-7</v>
          </cell>
          <cell r="P1049">
            <v>1.7202966589889105E-7</v>
          </cell>
          <cell r="Q1049">
            <v>1.7202966589889105E-7</v>
          </cell>
          <cell r="R1049">
            <v>1.7202966589889105E-7</v>
          </cell>
          <cell r="S1049">
            <v>1.7202966589889105E-7</v>
          </cell>
          <cell r="T1049">
            <v>1.7202966589889105E-7</v>
          </cell>
          <cell r="U1049">
            <v>1.7202966589889105E-7</v>
          </cell>
          <cell r="V1049">
            <v>1.7202966589889105E-7</v>
          </cell>
          <cell r="W1049">
            <v>1.7202966589889105E-7</v>
          </cell>
          <cell r="Y1049">
            <v>0</v>
          </cell>
          <cell r="Z1049">
            <v>0</v>
          </cell>
        </row>
        <row r="1050">
          <cell r="A1050" t="str">
            <v>Pre_cassette_%</v>
          </cell>
          <cell r="G1050">
            <v>4.9421403471069786E-7</v>
          </cell>
          <cell r="H1050">
            <v>5.0553761841415332E-7</v>
          </cell>
          <cell r="I1050">
            <v>4.9987582656242559E-7</v>
          </cell>
          <cell r="J1050">
            <v>4.9987582656242559E-7</v>
          </cell>
          <cell r="K1050">
            <v>4.9987582656242559E-7</v>
          </cell>
          <cell r="L1050">
            <v>4.9987582656242559E-7</v>
          </cell>
          <cell r="M1050">
            <v>4.9987582656242559E-7</v>
          </cell>
          <cell r="N1050">
            <v>4.9987582656242559E-7</v>
          </cell>
          <cell r="O1050">
            <v>4.9987582656242559E-7</v>
          </cell>
          <cell r="P1050">
            <v>4.9987582656242559E-7</v>
          </cell>
          <cell r="Q1050">
            <v>4.9987582656242559E-7</v>
          </cell>
          <cell r="R1050">
            <v>4.9987582656242559E-7</v>
          </cell>
          <cell r="S1050">
            <v>4.9987582656242559E-7</v>
          </cell>
          <cell r="T1050">
            <v>4.9987582656242559E-7</v>
          </cell>
          <cell r="U1050">
            <v>4.9987582656242559E-7</v>
          </cell>
          <cell r="V1050">
            <v>4.9987582656242559E-7</v>
          </cell>
          <cell r="W1050">
            <v>4.9987582656242559E-7</v>
          </cell>
        </row>
        <row r="1051">
          <cell r="A1051" t="str">
            <v>Sma_cassette_%</v>
          </cell>
          <cell r="G1051">
            <v>7.9278839584360609E-8</v>
          </cell>
          <cell r="H1051">
            <v>9.1480263697950328E-8</v>
          </cell>
          <cell r="I1051">
            <v>8.5379551641155475E-8</v>
          </cell>
          <cell r="J1051">
            <v>8.5379551641155475E-8</v>
          </cell>
          <cell r="K1051">
            <v>8.5379551641155475E-8</v>
          </cell>
          <cell r="L1051">
            <v>8.5379551641155475E-8</v>
          </cell>
          <cell r="M1051">
            <v>8.5379551641155475E-8</v>
          </cell>
          <cell r="N1051">
            <v>8.5379551641155475E-8</v>
          </cell>
          <cell r="O1051">
            <v>8.5379551641155475E-8</v>
          </cell>
          <cell r="P1051">
            <v>8.5379551641155475E-8</v>
          </cell>
          <cell r="Q1051">
            <v>8.5379551641155475E-8</v>
          </cell>
          <cell r="R1051">
            <v>8.5379551641155475E-8</v>
          </cell>
          <cell r="S1051">
            <v>8.5379551641155475E-8</v>
          </cell>
          <cell r="T1051">
            <v>8.5379551641155475E-8</v>
          </cell>
          <cell r="U1051">
            <v>8.5379551641155475E-8</v>
          </cell>
          <cell r="V1051">
            <v>8.5379551641155475E-8</v>
          </cell>
          <cell r="W1051">
            <v>8.5379551641155475E-8</v>
          </cell>
        </row>
        <row r="1052">
          <cell r="A1052" t="str">
            <v>Pri_cassette_%</v>
          </cell>
          <cell r="G1052">
            <v>1.2839348364111073E-6</v>
          </cell>
          <cell r="H1052">
            <v>1.5206955225902593E-6</v>
          </cell>
          <cell r="I1052">
            <v>1.4023151795006833E-6</v>
          </cell>
          <cell r="J1052">
            <v>1.4023151795006833E-6</v>
          </cell>
          <cell r="K1052">
            <v>1.4023151795006833E-6</v>
          </cell>
          <cell r="L1052">
            <v>1.4023151795006833E-6</v>
          </cell>
          <cell r="M1052">
            <v>1.4023151795006833E-6</v>
          </cell>
          <cell r="N1052">
            <v>1.4023151795006833E-6</v>
          </cell>
          <cell r="O1052">
            <v>1.4023151795006833E-6</v>
          </cell>
          <cell r="P1052">
            <v>1.4023151795006833E-6</v>
          </cell>
          <cell r="Q1052">
            <v>1.4023151795006833E-6</v>
          </cell>
          <cell r="R1052">
            <v>1.4023151795006833E-6</v>
          </cell>
          <cell r="S1052">
            <v>1.4023151795006833E-6</v>
          </cell>
          <cell r="T1052">
            <v>1.4023151795006833E-6</v>
          </cell>
          <cell r="U1052">
            <v>1.4023151795006833E-6</v>
          </cell>
          <cell r="V1052">
            <v>1.4023151795006833E-6</v>
          </cell>
          <cell r="W1052">
            <v>1.4023151795006833E-6</v>
          </cell>
        </row>
        <row r="1053">
          <cell r="A1053" t="str">
            <v>Fam_cassette_%</v>
          </cell>
          <cell r="G1053">
            <v>4.9025736782902146E-6</v>
          </cell>
          <cell r="H1053">
            <v>2.2667487359859308E-6</v>
          </cell>
          <cell r="I1053">
            <v>3.5846612071380725E-6</v>
          </cell>
          <cell r="J1053">
            <v>3.5846612071380725E-6</v>
          </cell>
          <cell r="K1053">
            <v>3.5846612071380725E-6</v>
          </cell>
          <cell r="L1053">
            <v>3.5846612071380725E-6</v>
          </cell>
          <cell r="M1053">
            <v>3.5846612071380725E-6</v>
          </cell>
          <cell r="N1053">
            <v>3.5846612071380725E-6</v>
          </cell>
          <cell r="O1053">
            <v>3.5846612071380725E-6</v>
          </cell>
          <cell r="P1053">
            <v>3.5846612071380725E-6</v>
          </cell>
          <cell r="Q1053">
            <v>3.5846612071380725E-6</v>
          </cell>
          <cell r="R1053">
            <v>3.5846612071380725E-6</v>
          </cell>
          <cell r="S1053">
            <v>3.5846612071380725E-6</v>
          </cell>
          <cell r="T1053">
            <v>3.5846612071380725E-6</v>
          </cell>
          <cell r="U1053">
            <v>3.5846612071380725E-6</v>
          </cell>
          <cell r="V1053">
            <v>3.5846612071380725E-6</v>
          </cell>
          <cell r="W1053">
            <v>3.5846612071380725E-6</v>
          </cell>
        </row>
        <row r="1054">
          <cell r="A1054" t="str">
            <v>PMI_cassette_%</v>
          </cell>
          <cell r="G1054">
            <v>0</v>
          </cell>
          <cell r="H1054">
            <v>1.903095534602384E-7</v>
          </cell>
          <cell r="I1054">
            <v>9.5154776730119202E-8</v>
          </cell>
          <cell r="J1054">
            <v>9.5154776730119202E-8</v>
          </cell>
          <cell r="K1054">
            <v>9.5154776730119202E-8</v>
          </cell>
          <cell r="L1054">
            <v>9.5154776730119202E-8</v>
          </cell>
          <cell r="M1054">
            <v>9.5154776730119202E-8</v>
          </cell>
          <cell r="N1054">
            <v>9.5154776730119202E-8</v>
          </cell>
          <cell r="O1054">
            <v>9.5154776730119202E-8</v>
          </cell>
          <cell r="P1054">
            <v>9.5154776730119202E-8</v>
          </cell>
          <cell r="Q1054">
            <v>9.5154776730119202E-8</v>
          </cell>
          <cell r="R1054">
            <v>9.5154776730119202E-8</v>
          </cell>
          <cell r="S1054">
            <v>9.5154776730119202E-8</v>
          </cell>
          <cell r="T1054">
            <v>9.5154776730119202E-8</v>
          </cell>
          <cell r="U1054">
            <v>9.5154776730119202E-8</v>
          </cell>
          <cell r="V1054">
            <v>9.5154776730119202E-8</v>
          </cell>
          <cell r="W1054">
            <v>9.5154776730119202E-8</v>
          </cell>
        </row>
        <row r="1055">
          <cell r="A1055" t="str">
            <v>ENT_cassette_%</v>
          </cell>
          <cell r="G1055">
            <v>2.8504828696252012E-7</v>
          </cell>
          <cell r="H1055">
            <v>2.1844161796722812E-7</v>
          </cell>
          <cell r="I1055">
            <v>2.5174495246487409E-7</v>
          </cell>
          <cell r="J1055">
            <v>2.5174495246487409E-7</v>
          </cell>
          <cell r="K1055">
            <v>2.5174495246487409E-7</v>
          </cell>
          <cell r="L1055">
            <v>2.5174495246487409E-7</v>
          </cell>
          <cell r="M1055">
            <v>2.5174495246487409E-7</v>
          </cell>
          <cell r="N1055">
            <v>2.5174495246487409E-7</v>
          </cell>
          <cell r="O1055">
            <v>2.5174495246487409E-7</v>
          </cell>
          <cell r="P1055">
            <v>2.5174495246487409E-7</v>
          </cell>
          <cell r="Q1055">
            <v>2.5174495246487409E-7</v>
          </cell>
          <cell r="R1055">
            <v>2.5174495246487409E-7</v>
          </cell>
          <cell r="S1055">
            <v>2.5174495246487409E-7</v>
          </cell>
          <cell r="T1055">
            <v>2.5174495246487409E-7</v>
          </cell>
          <cell r="U1055">
            <v>2.5174495246487409E-7</v>
          </cell>
          <cell r="V1055">
            <v>2.5174495246487409E-7</v>
          </cell>
          <cell r="W1055">
            <v>2.5174495246487409E-7</v>
          </cell>
        </row>
        <row r="1056">
          <cell r="A1056" t="str">
            <v>Cor_cassette_%</v>
          </cell>
          <cell r="G1056">
            <v>0</v>
          </cell>
          <cell r="H1056">
            <v>2.5854403529611405E-7</v>
          </cell>
          <cell r="I1056">
            <v>1.2927201764805702E-7</v>
          </cell>
          <cell r="J1056">
            <v>1.2927201764805702E-7</v>
          </cell>
          <cell r="K1056">
            <v>1.2927201764805702E-7</v>
          </cell>
          <cell r="L1056">
            <v>1.2927201764805702E-7</v>
          </cell>
          <cell r="M1056">
            <v>1.2927201764805702E-7</v>
          </cell>
          <cell r="N1056">
            <v>1.2927201764805702E-7</v>
          </cell>
          <cell r="O1056">
            <v>1.2927201764805702E-7</v>
          </cell>
          <cell r="P1056">
            <v>1.2927201764805702E-7</v>
          </cell>
          <cell r="Q1056">
            <v>1.2927201764805702E-7</v>
          </cell>
          <cell r="R1056">
            <v>1.2927201764805702E-7</v>
          </cell>
          <cell r="S1056">
            <v>1.2927201764805702E-7</v>
          </cell>
          <cell r="T1056">
            <v>1.2927201764805702E-7</v>
          </cell>
          <cell r="U1056">
            <v>1.2927201764805702E-7</v>
          </cell>
          <cell r="V1056">
            <v>1.2927201764805702E-7</v>
          </cell>
          <cell r="W1056">
            <v>1.2927201764805702E-7</v>
          </cell>
        </row>
        <row r="1057">
          <cell r="A1057" t="str">
            <v>Gra_cassette_%</v>
          </cell>
          <cell r="G1057">
            <v>4.3427514792899399E-7</v>
          </cell>
          <cell r="H1057">
            <v>3.5019490254872561E-7</v>
          </cell>
          <cell r="I1057">
            <v>3.9223502523885983E-7</v>
          </cell>
          <cell r="J1057">
            <v>3.9223502523885983E-7</v>
          </cell>
          <cell r="K1057">
            <v>3.9223502523885983E-7</v>
          </cell>
          <cell r="L1057">
            <v>3.9223502523885983E-7</v>
          </cell>
          <cell r="M1057">
            <v>3.9223502523885983E-7</v>
          </cell>
          <cell r="N1057">
            <v>3.9223502523885983E-7</v>
          </cell>
          <cell r="O1057">
            <v>3.9223502523885983E-7</v>
          </cell>
          <cell r="P1057">
            <v>3.9223502523885983E-7</v>
          </cell>
          <cell r="Q1057">
            <v>3.9223502523885983E-7</v>
          </cell>
          <cell r="R1057">
            <v>3.9223502523885983E-7</v>
          </cell>
          <cell r="S1057">
            <v>3.9223502523885983E-7</v>
          </cell>
          <cell r="T1057">
            <v>3.9223502523885983E-7</v>
          </cell>
          <cell r="U1057">
            <v>3.9223502523885983E-7</v>
          </cell>
          <cell r="V1057">
            <v>3.9223502523885983E-7</v>
          </cell>
          <cell r="W1057">
            <v>3.9223502523885983E-7</v>
          </cell>
        </row>
        <row r="1058">
          <cell r="A1058" t="str">
            <v>FEX_cassette_%</v>
          </cell>
          <cell r="G1058">
            <v>0</v>
          </cell>
          <cell r="H1058">
            <v>0</v>
          </cell>
          <cell r="I1058">
            <v>0</v>
          </cell>
          <cell r="J1058">
            <v>0</v>
          </cell>
          <cell r="K1058">
            <v>0</v>
          </cell>
          <cell r="L1058">
            <v>0</v>
          </cell>
          <cell r="M1058">
            <v>0</v>
          </cell>
          <cell r="N1058">
            <v>0</v>
          </cell>
          <cell r="O1058">
            <v>0</v>
          </cell>
          <cell r="P1058">
            <v>0</v>
          </cell>
          <cell r="Q1058">
            <v>0</v>
          </cell>
          <cell r="R1058">
            <v>0</v>
          </cell>
          <cell r="S1058">
            <v>0</v>
          </cell>
          <cell r="T1058">
            <v>0</v>
          </cell>
          <cell r="U1058">
            <v>0</v>
          </cell>
          <cell r="V1058">
            <v>0</v>
          </cell>
          <cell r="W1058">
            <v>0</v>
          </cell>
        </row>
        <row r="1059">
          <cell r="A1059" t="str">
            <v>MCL_cassette_%</v>
          </cell>
          <cell r="G1059">
            <v>0</v>
          </cell>
          <cell r="H1059">
            <v>0</v>
          </cell>
          <cell r="I1059">
            <v>0</v>
          </cell>
          <cell r="J1059">
            <v>0</v>
          </cell>
          <cell r="K1059">
            <v>0</v>
          </cell>
          <cell r="L1059">
            <v>0</v>
          </cell>
          <cell r="M1059">
            <v>0</v>
          </cell>
          <cell r="N1059">
            <v>0</v>
          </cell>
          <cell r="O1059">
            <v>0</v>
          </cell>
          <cell r="P1059">
            <v>0</v>
          </cell>
          <cell r="Q1059">
            <v>0</v>
          </cell>
          <cell r="R1059">
            <v>0</v>
          </cell>
          <cell r="S1059">
            <v>0</v>
          </cell>
          <cell r="T1059">
            <v>0</v>
          </cell>
          <cell r="U1059">
            <v>0</v>
          </cell>
          <cell r="V1059">
            <v>0</v>
          </cell>
          <cell r="W1059">
            <v>0</v>
          </cell>
        </row>
        <row r="1060">
          <cell r="A1060" t="str">
            <v>MCG_cassette_%</v>
          </cell>
          <cell r="G1060">
            <v>0</v>
          </cell>
          <cell r="H1060">
            <v>0</v>
          </cell>
          <cell r="I1060">
            <v>0</v>
          </cell>
          <cell r="J1060">
            <v>0</v>
          </cell>
          <cell r="K1060">
            <v>0</v>
          </cell>
          <cell r="L1060">
            <v>0</v>
          </cell>
          <cell r="M1060">
            <v>0</v>
          </cell>
          <cell r="N1060">
            <v>0</v>
          </cell>
          <cell r="O1060">
            <v>0</v>
          </cell>
          <cell r="P1060">
            <v>0</v>
          </cell>
          <cell r="Q1060">
            <v>0</v>
          </cell>
          <cell r="R1060">
            <v>0</v>
          </cell>
          <cell r="S1060">
            <v>0</v>
          </cell>
          <cell r="T1060">
            <v>0</v>
          </cell>
          <cell r="U1060">
            <v>0</v>
          </cell>
          <cell r="V1060">
            <v>0</v>
          </cell>
          <cell r="W1060">
            <v>0</v>
          </cell>
        </row>
        <row r="1061">
          <cell r="A1061" t="str">
            <v>MLE_cassette_%</v>
          </cell>
          <cell r="G1061">
            <v>0</v>
          </cell>
          <cell r="H1061">
            <v>0</v>
          </cell>
          <cell r="I1061">
            <v>0</v>
          </cell>
          <cell r="J1061">
            <v>0</v>
          </cell>
          <cell r="K1061">
            <v>0</v>
          </cell>
          <cell r="L1061">
            <v>0</v>
          </cell>
          <cell r="M1061">
            <v>0</v>
          </cell>
          <cell r="N1061">
            <v>0</v>
          </cell>
          <cell r="O1061">
            <v>0</v>
          </cell>
          <cell r="P1061">
            <v>0</v>
          </cell>
          <cell r="Q1061">
            <v>0</v>
          </cell>
          <cell r="R1061">
            <v>0</v>
          </cell>
          <cell r="S1061">
            <v>0</v>
          </cell>
          <cell r="T1061">
            <v>0</v>
          </cell>
          <cell r="U1061">
            <v>0</v>
          </cell>
          <cell r="V1061">
            <v>0</v>
          </cell>
          <cell r="W1061">
            <v>0</v>
          </cell>
        </row>
        <row r="1062">
          <cell r="A1062" t="str">
            <v>MFA_cassette_%</v>
          </cell>
          <cell r="G1062">
            <v>0</v>
          </cell>
          <cell r="H1062">
            <v>0</v>
          </cell>
          <cell r="I1062">
            <v>0</v>
          </cell>
          <cell r="J1062">
            <v>0</v>
          </cell>
          <cell r="K1062">
            <v>0</v>
          </cell>
          <cell r="L1062">
            <v>0</v>
          </cell>
          <cell r="M1062">
            <v>0</v>
          </cell>
          <cell r="N1062">
            <v>0</v>
          </cell>
          <cell r="O1062">
            <v>0</v>
          </cell>
          <cell r="P1062">
            <v>0</v>
          </cell>
          <cell r="Q1062">
            <v>0</v>
          </cell>
          <cell r="R1062">
            <v>0</v>
          </cell>
          <cell r="S1062">
            <v>0</v>
          </cell>
          <cell r="T1062">
            <v>0</v>
          </cell>
          <cell r="U1062">
            <v>0</v>
          </cell>
          <cell r="V1062">
            <v>0</v>
          </cell>
          <cell r="W1062">
            <v>0</v>
          </cell>
        </row>
        <row r="1063">
          <cell r="A1063" t="str">
            <v>MBQ_cassette_%</v>
          </cell>
          <cell r="G1063">
            <v>0</v>
          </cell>
          <cell r="H1063">
            <v>0</v>
          </cell>
          <cell r="I1063">
            <v>0</v>
          </cell>
          <cell r="J1063">
            <v>0</v>
          </cell>
          <cell r="K1063">
            <v>0</v>
          </cell>
          <cell r="L1063">
            <v>0</v>
          </cell>
          <cell r="M1063">
            <v>0</v>
          </cell>
          <cell r="N1063">
            <v>0</v>
          </cell>
          <cell r="O1063">
            <v>0</v>
          </cell>
          <cell r="P1063">
            <v>0</v>
          </cell>
          <cell r="Q1063">
            <v>0</v>
          </cell>
          <cell r="R1063">
            <v>0</v>
          </cell>
          <cell r="S1063">
            <v>0</v>
          </cell>
          <cell r="T1063">
            <v>0</v>
          </cell>
          <cell r="U1063">
            <v>0</v>
          </cell>
          <cell r="V1063">
            <v>0</v>
          </cell>
          <cell r="W1063">
            <v>0</v>
          </cell>
        </row>
        <row r="1064">
          <cell r="A1064" t="str">
            <v>MBG_cassette_%</v>
          </cell>
          <cell r="G1064">
            <v>0</v>
          </cell>
          <cell r="H1064">
            <v>0</v>
          </cell>
          <cell r="I1064">
            <v>0</v>
          </cell>
          <cell r="J1064">
            <v>0</v>
          </cell>
          <cell r="K1064">
            <v>0</v>
          </cell>
          <cell r="L1064">
            <v>0</v>
          </cell>
          <cell r="M1064">
            <v>0</v>
          </cell>
          <cell r="N1064">
            <v>0</v>
          </cell>
          <cell r="O1064">
            <v>0</v>
          </cell>
          <cell r="P1064">
            <v>0</v>
          </cell>
          <cell r="Q1064">
            <v>0</v>
          </cell>
          <cell r="R1064">
            <v>0</v>
          </cell>
          <cell r="S1064">
            <v>0</v>
          </cell>
          <cell r="T1064">
            <v>0</v>
          </cell>
          <cell r="U1064">
            <v>0</v>
          </cell>
          <cell r="V1064">
            <v>0</v>
          </cell>
          <cell r="W1064">
            <v>0</v>
          </cell>
        </row>
        <row r="1065">
          <cell r="A1065" t="str">
            <v>WID_cassette_%</v>
          </cell>
          <cell r="G1065">
            <v>0</v>
          </cell>
          <cell r="H1065">
            <v>0</v>
          </cell>
          <cell r="I1065">
            <v>0</v>
          </cell>
          <cell r="J1065">
            <v>0</v>
          </cell>
          <cell r="K1065">
            <v>0</v>
          </cell>
          <cell r="L1065">
            <v>0</v>
          </cell>
          <cell r="M1065">
            <v>0</v>
          </cell>
          <cell r="N1065">
            <v>0</v>
          </cell>
          <cell r="O1065">
            <v>0</v>
          </cell>
          <cell r="P1065">
            <v>0</v>
          </cell>
          <cell r="Q1065">
            <v>0</v>
          </cell>
          <cell r="R1065">
            <v>0</v>
          </cell>
          <cell r="S1065">
            <v>0</v>
          </cell>
          <cell r="T1065">
            <v>0</v>
          </cell>
          <cell r="U1065">
            <v>0</v>
          </cell>
          <cell r="V1065">
            <v>0</v>
          </cell>
          <cell r="W1065">
            <v>0</v>
          </cell>
        </row>
        <row r="1066">
          <cell r="A1066" t="str">
            <v>FIN_cassette_%</v>
          </cell>
          <cell r="G1066">
            <v>0</v>
          </cell>
          <cell r="H1066">
            <v>0</v>
          </cell>
          <cell r="I1066">
            <v>0</v>
          </cell>
          <cell r="J1066">
            <v>0</v>
          </cell>
          <cell r="K1066">
            <v>0</v>
          </cell>
          <cell r="L1066">
            <v>0</v>
          </cell>
          <cell r="M1066">
            <v>0</v>
          </cell>
          <cell r="N1066">
            <v>0</v>
          </cell>
          <cell r="O1066">
            <v>0</v>
          </cell>
          <cell r="P1066">
            <v>0</v>
          </cell>
          <cell r="Q1066">
            <v>0</v>
          </cell>
          <cell r="R1066">
            <v>0</v>
          </cell>
          <cell r="S1066">
            <v>0</v>
          </cell>
          <cell r="T1066">
            <v>0</v>
          </cell>
          <cell r="U1066">
            <v>0</v>
          </cell>
          <cell r="V1066">
            <v>0</v>
          </cell>
          <cell r="W1066">
            <v>0</v>
          </cell>
        </row>
        <row r="1067">
          <cell r="A1067" t="str">
            <v>ALM_cassette_%</v>
          </cell>
          <cell r="G1067">
            <v>0</v>
          </cell>
          <cell r="H1067">
            <v>0</v>
          </cell>
          <cell r="I1067">
            <v>0</v>
          </cell>
          <cell r="J1067">
            <v>0</v>
          </cell>
          <cell r="K1067">
            <v>0</v>
          </cell>
          <cell r="L1067">
            <v>0</v>
          </cell>
          <cell r="M1067">
            <v>0</v>
          </cell>
          <cell r="N1067">
            <v>0</v>
          </cell>
          <cell r="O1067">
            <v>0</v>
          </cell>
          <cell r="P1067">
            <v>0</v>
          </cell>
          <cell r="Q1067">
            <v>0</v>
          </cell>
          <cell r="R1067">
            <v>0</v>
          </cell>
          <cell r="S1067">
            <v>0</v>
          </cell>
          <cell r="T1067">
            <v>0</v>
          </cell>
          <cell r="U1067">
            <v>0</v>
          </cell>
          <cell r="V1067">
            <v>0</v>
          </cell>
          <cell r="W1067">
            <v>0</v>
          </cell>
        </row>
        <row r="1068">
          <cell r="A1068" t="str">
            <v>FUO_cassette_%</v>
          </cell>
          <cell r="G1068">
            <v>0</v>
          </cell>
          <cell r="H1068">
            <v>0</v>
          </cell>
          <cell r="I1068">
            <v>0</v>
          </cell>
          <cell r="J1068">
            <v>0</v>
          </cell>
          <cell r="K1068">
            <v>0</v>
          </cell>
          <cell r="L1068">
            <v>0</v>
          </cell>
          <cell r="M1068">
            <v>0</v>
          </cell>
          <cell r="N1068">
            <v>0</v>
          </cell>
          <cell r="O1068">
            <v>0</v>
          </cell>
          <cell r="P1068">
            <v>0</v>
          </cell>
          <cell r="Q1068">
            <v>0</v>
          </cell>
          <cell r="R1068">
            <v>0</v>
          </cell>
          <cell r="S1068">
            <v>0</v>
          </cell>
          <cell r="T1068">
            <v>0</v>
          </cell>
          <cell r="U1068">
            <v>0</v>
          </cell>
          <cell r="V1068">
            <v>0</v>
          </cell>
          <cell r="W1068">
            <v>0</v>
          </cell>
        </row>
        <row r="1069">
          <cell r="A1069" t="str">
            <v>XXX_cassette_%</v>
          </cell>
          <cell r="G1069">
            <v>0</v>
          </cell>
          <cell r="H1069">
            <v>0</v>
          </cell>
          <cell r="I1069">
            <v>0</v>
          </cell>
          <cell r="J1069">
            <v>0</v>
          </cell>
          <cell r="K1069">
            <v>0</v>
          </cell>
          <cell r="L1069">
            <v>0</v>
          </cell>
          <cell r="M1069">
            <v>0</v>
          </cell>
          <cell r="N1069">
            <v>0</v>
          </cell>
          <cell r="O1069">
            <v>0</v>
          </cell>
          <cell r="P1069">
            <v>0</v>
          </cell>
          <cell r="Q1069">
            <v>0</v>
          </cell>
          <cell r="R1069">
            <v>0</v>
          </cell>
          <cell r="S1069">
            <v>0</v>
          </cell>
          <cell r="T1069">
            <v>0</v>
          </cell>
          <cell r="U1069">
            <v>0</v>
          </cell>
          <cell r="V1069">
            <v>0</v>
          </cell>
          <cell r="W1069">
            <v>0</v>
          </cell>
        </row>
        <row r="1071">
          <cell r="A1071" t="str">
            <v>Val_tesoreria_%</v>
          </cell>
          <cell r="G1071">
            <v>3.040474741577534E-10</v>
          </cell>
          <cell r="H1071">
            <v>4.3193452765992008E-9</v>
          </cell>
          <cell r="I1071">
            <v>2.3116963753784772E-9</v>
          </cell>
          <cell r="J1071">
            <v>2.3116963753784772E-9</v>
          </cell>
          <cell r="K1071">
            <v>2.3116963753784772E-9</v>
          </cell>
          <cell r="L1071">
            <v>2.3116963753784772E-9</v>
          </cell>
          <cell r="M1071">
            <v>2.3116963753784772E-9</v>
          </cell>
          <cell r="N1071">
            <v>2.3116963753784772E-9</v>
          </cell>
          <cell r="O1071">
            <v>2.3116963753784772E-9</v>
          </cell>
          <cell r="P1071">
            <v>2.3116963753784772E-9</v>
          </cell>
          <cell r="Q1071">
            <v>2.3116963753784772E-9</v>
          </cell>
          <cell r="R1071">
            <v>2.3116963753784772E-9</v>
          </cell>
          <cell r="S1071">
            <v>2.3116963753784772E-9</v>
          </cell>
          <cell r="T1071">
            <v>2.3116963753784772E-9</v>
          </cell>
          <cell r="U1071">
            <v>2.3116963753784772E-9</v>
          </cell>
          <cell r="V1071">
            <v>2.3116963753784772E-9</v>
          </cell>
          <cell r="W1071">
            <v>2.3116963753784772E-9</v>
          </cell>
          <cell r="Y1071">
            <v>0</v>
          </cell>
          <cell r="Z1071">
            <v>0</v>
          </cell>
        </row>
        <row r="1072">
          <cell r="A1072" t="str">
            <v>Pre_tesoreria_%</v>
          </cell>
          <cell r="G1072">
            <v>9.9491795906509558E-10</v>
          </cell>
          <cell r="H1072">
            <v>9.9497240444036288E-10</v>
          </cell>
          <cell r="I1072">
            <v>9.9494518175272933E-10</v>
          </cell>
          <cell r="J1072">
            <v>9.9494518175272933E-10</v>
          </cell>
          <cell r="K1072">
            <v>9.9494518175272933E-10</v>
          </cell>
          <cell r="L1072">
            <v>9.9494518175272933E-10</v>
          </cell>
          <cell r="M1072">
            <v>9.9494518175272933E-10</v>
          </cell>
          <cell r="N1072">
            <v>9.9494518175272933E-10</v>
          </cell>
          <cell r="O1072">
            <v>9.9494518175272933E-10</v>
          </cell>
          <cell r="P1072">
            <v>9.9494518175272933E-10</v>
          </cell>
          <cell r="Q1072">
            <v>9.9494518175272933E-10</v>
          </cell>
          <cell r="R1072">
            <v>9.9494518175272933E-10</v>
          </cell>
          <cell r="S1072">
            <v>9.9494518175272933E-10</v>
          </cell>
          <cell r="T1072">
            <v>9.9494518175272933E-10</v>
          </cell>
          <cell r="U1072">
            <v>9.9494518175272933E-10</v>
          </cell>
          <cell r="V1072">
            <v>9.9494518175272933E-10</v>
          </cell>
          <cell r="W1072">
            <v>9.9494518175272933E-10</v>
          </cell>
        </row>
        <row r="1073">
          <cell r="A1073" t="str">
            <v>Sma_tesoreria_%</v>
          </cell>
          <cell r="G1073">
            <v>0</v>
          </cell>
          <cell r="H1073">
            <v>0</v>
          </cell>
          <cell r="I1073">
            <v>0</v>
          </cell>
          <cell r="J1073">
            <v>0</v>
          </cell>
          <cell r="K1073">
            <v>0</v>
          </cell>
          <cell r="L1073">
            <v>0</v>
          </cell>
          <cell r="M1073">
            <v>0</v>
          </cell>
          <cell r="N1073">
            <v>0</v>
          </cell>
          <cell r="O1073">
            <v>0</v>
          </cell>
          <cell r="P1073">
            <v>0</v>
          </cell>
          <cell r="Q1073">
            <v>0</v>
          </cell>
          <cell r="R1073">
            <v>0</v>
          </cell>
          <cell r="S1073">
            <v>0</v>
          </cell>
          <cell r="T1073">
            <v>0</v>
          </cell>
          <cell r="U1073">
            <v>0</v>
          </cell>
          <cell r="V1073">
            <v>0</v>
          </cell>
          <cell r="W1073">
            <v>0</v>
          </cell>
        </row>
        <row r="1074">
          <cell r="A1074" t="str">
            <v>Pri_tesoreria_%</v>
          </cell>
          <cell r="G1074">
            <v>0</v>
          </cell>
          <cell r="H1074">
            <v>0</v>
          </cell>
          <cell r="I1074">
            <v>0</v>
          </cell>
          <cell r="J1074">
            <v>0</v>
          </cell>
          <cell r="K1074">
            <v>0</v>
          </cell>
          <cell r="L1074">
            <v>0</v>
          </cell>
          <cell r="M1074">
            <v>0</v>
          </cell>
          <cell r="N1074">
            <v>0</v>
          </cell>
          <cell r="O1074">
            <v>0</v>
          </cell>
          <cell r="P1074">
            <v>0</v>
          </cell>
          <cell r="Q1074">
            <v>0</v>
          </cell>
          <cell r="R1074">
            <v>0</v>
          </cell>
          <cell r="S1074">
            <v>0</v>
          </cell>
          <cell r="T1074">
            <v>0</v>
          </cell>
          <cell r="U1074">
            <v>0</v>
          </cell>
          <cell r="V1074">
            <v>0</v>
          </cell>
          <cell r="W1074">
            <v>0</v>
          </cell>
        </row>
        <row r="1075">
          <cell r="A1075" t="str">
            <v>Fam_tesoreria_%</v>
          </cell>
          <cell r="G1075">
            <v>0</v>
          </cell>
          <cell r="H1075">
            <v>0</v>
          </cell>
          <cell r="I1075">
            <v>0</v>
          </cell>
          <cell r="J1075">
            <v>0</v>
          </cell>
          <cell r="K1075">
            <v>0</v>
          </cell>
          <cell r="L1075">
            <v>0</v>
          </cell>
          <cell r="M1075">
            <v>0</v>
          </cell>
          <cell r="N1075">
            <v>0</v>
          </cell>
          <cell r="O1075">
            <v>0</v>
          </cell>
          <cell r="P1075">
            <v>0</v>
          </cell>
          <cell r="Q1075">
            <v>0</v>
          </cell>
          <cell r="R1075">
            <v>0</v>
          </cell>
          <cell r="S1075">
            <v>0</v>
          </cell>
          <cell r="T1075">
            <v>0</v>
          </cell>
          <cell r="U1075">
            <v>0</v>
          </cell>
          <cell r="V1075">
            <v>0</v>
          </cell>
          <cell r="W1075">
            <v>0</v>
          </cell>
        </row>
        <row r="1076">
          <cell r="A1076" t="str">
            <v>PMI_tesoreria_%</v>
          </cell>
          <cell r="G1076">
            <v>0</v>
          </cell>
          <cell r="H1076">
            <v>0</v>
          </cell>
          <cell r="I1076">
            <v>0</v>
          </cell>
          <cell r="J1076">
            <v>0</v>
          </cell>
          <cell r="K1076">
            <v>0</v>
          </cell>
          <cell r="L1076">
            <v>0</v>
          </cell>
          <cell r="M1076">
            <v>0</v>
          </cell>
          <cell r="N1076">
            <v>0</v>
          </cell>
          <cell r="O1076">
            <v>0</v>
          </cell>
          <cell r="P1076">
            <v>0</v>
          </cell>
          <cell r="Q1076">
            <v>0</v>
          </cell>
          <cell r="R1076">
            <v>0</v>
          </cell>
          <cell r="S1076">
            <v>0</v>
          </cell>
          <cell r="T1076">
            <v>0</v>
          </cell>
          <cell r="U1076">
            <v>0</v>
          </cell>
          <cell r="V1076">
            <v>0</v>
          </cell>
          <cell r="W1076">
            <v>0</v>
          </cell>
        </row>
        <row r="1077">
          <cell r="A1077" t="str">
            <v>ENT_tesoreria_%</v>
          </cell>
          <cell r="G1077">
            <v>4.1746304897677631E-5</v>
          </cell>
          <cell r="H1077">
            <v>1.6163874985676636E-4</v>
          </cell>
          <cell r="I1077">
            <v>1.01692527377222E-4</v>
          </cell>
          <cell r="J1077">
            <v>1.01692527377222E-4</v>
          </cell>
          <cell r="K1077">
            <v>1.01692527377222E-4</v>
          </cell>
          <cell r="L1077">
            <v>1.01692527377222E-4</v>
          </cell>
          <cell r="M1077">
            <v>1.01692527377222E-4</v>
          </cell>
          <cell r="N1077">
            <v>1.01692527377222E-4</v>
          </cell>
          <cell r="O1077">
            <v>1.01692527377222E-4</v>
          </cell>
          <cell r="P1077">
            <v>1.01692527377222E-4</v>
          </cell>
          <cell r="Q1077">
            <v>1.01692527377222E-4</v>
          </cell>
          <cell r="R1077">
            <v>1.01692527377222E-4</v>
          </cell>
          <cell r="S1077">
            <v>1.01692527377222E-4</v>
          </cell>
          <cell r="T1077">
            <v>1.01692527377222E-4</v>
          </cell>
          <cell r="U1077">
            <v>1.01692527377222E-4</v>
          </cell>
          <cell r="V1077">
            <v>1.01692527377222E-4</v>
          </cell>
          <cell r="W1077">
            <v>1.01692527377222E-4</v>
          </cell>
        </row>
        <row r="1078">
          <cell r="A1078" t="str">
            <v>Cor_tesoreria_%</v>
          </cell>
          <cell r="G1078">
            <v>0</v>
          </cell>
          <cell r="H1078">
            <v>0</v>
          </cell>
          <cell r="I1078">
            <v>0</v>
          </cell>
          <cell r="J1078">
            <v>0</v>
          </cell>
          <cell r="K1078">
            <v>0</v>
          </cell>
          <cell r="L1078">
            <v>0</v>
          </cell>
          <cell r="M1078">
            <v>0</v>
          </cell>
          <cell r="N1078">
            <v>0</v>
          </cell>
          <cell r="O1078">
            <v>0</v>
          </cell>
          <cell r="P1078">
            <v>0</v>
          </cell>
          <cell r="Q1078">
            <v>0</v>
          </cell>
          <cell r="R1078">
            <v>0</v>
          </cell>
          <cell r="S1078">
            <v>0</v>
          </cell>
          <cell r="T1078">
            <v>0</v>
          </cell>
          <cell r="U1078">
            <v>0</v>
          </cell>
          <cell r="V1078">
            <v>0</v>
          </cell>
          <cell r="W1078">
            <v>0</v>
          </cell>
        </row>
        <row r="1079">
          <cell r="A1079" t="str">
            <v>Gra_tesoreria_%</v>
          </cell>
          <cell r="G1079">
            <v>0</v>
          </cell>
          <cell r="H1079">
            <v>0</v>
          </cell>
          <cell r="I1079">
            <v>0</v>
          </cell>
          <cell r="J1079">
            <v>0</v>
          </cell>
          <cell r="K1079">
            <v>0</v>
          </cell>
          <cell r="L1079">
            <v>0</v>
          </cell>
          <cell r="M1079">
            <v>0</v>
          </cell>
          <cell r="N1079">
            <v>0</v>
          </cell>
          <cell r="O1079">
            <v>0</v>
          </cell>
          <cell r="P1079">
            <v>0</v>
          </cell>
          <cell r="Q1079">
            <v>0</v>
          </cell>
          <cell r="R1079">
            <v>0</v>
          </cell>
          <cell r="S1079">
            <v>0</v>
          </cell>
          <cell r="T1079">
            <v>0</v>
          </cell>
          <cell r="U1079">
            <v>0</v>
          </cell>
          <cell r="V1079">
            <v>0</v>
          </cell>
          <cell r="W1079">
            <v>0</v>
          </cell>
        </row>
        <row r="1080">
          <cell r="A1080" t="str">
            <v>FEX_tesoreria_%</v>
          </cell>
          <cell r="G1080">
            <v>0</v>
          </cell>
          <cell r="H1080">
            <v>0</v>
          </cell>
          <cell r="I1080">
            <v>0</v>
          </cell>
          <cell r="J1080">
            <v>0</v>
          </cell>
          <cell r="K1080">
            <v>0</v>
          </cell>
          <cell r="L1080">
            <v>0</v>
          </cell>
          <cell r="M1080">
            <v>0</v>
          </cell>
          <cell r="N1080">
            <v>0</v>
          </cell>
          <cell r="O1080">
            <v>0</v>
          </cell>
          <cell r="P1080">
            <v>0</v>
          </cell>
          <cell r="Q1080">
            <v>0</v>
          </cell>
          <cell r="R1080">
            <v>0</v>
          </cell>
          <cell r="S1080">
            <v>0</v>
          </cell>
          <cell r="T1080">
            <v>0</v>
          </cell>
          <cell r="U1080">
            <v>0</v>
          </cell>
          <cell r="V1080">
            <v>0</v>
          </cell>
          <cell r="W1080">
            <v>0</v>
          </cell>
        </row>
        <row r="1081">
          <cell r="A1081" t="str">
            <v>MCL_tesoreria_%</v>
          </cell>
          <cell r="G1081">
            <v>0</v>
          </cell>
          <cell r="H1081">
            <v>0</v>
          </cell>
          <cell r="I1081">
            <v>0</v>
          </cell>
          <cell r="J1081">
            <v>0</v>
          </cell>
          <cell r="K1081">
            <v>0</v>
          </cell>
          <cell r="L1081">
            <v>0</v>
          </cell>
          <cell r="M1081">
            <v>0</v>
          </cell>
          <cell r="N1081">
            <v>0</v>
          </cell>
          <cell r="O1081">
            <v>0</v>
          </cell>
          <cell r="P1081">
            <v>0</v>
          </cell>
          <cell r="Q1081">
            <v>0</v>
          </cell>
          <cell r="R1081">
            <v>0</v>
          </cell>
          <cell r="S1081">
            <v>0</v>
          </cell>
          <cell r="T1081">
            <v>0</v>
          </cell>
          <cell r="U1081">
            <v>0</v>
          </cell>
          <cell r="V1081">
            <v>0</v>
          </cell>
          <cell r="W1081">
            <v>0</v>
          </cell>
        </row>
        <row r="1082">
          <cell r="A1082" t="str">
            <v>MCG_tesoreria_%</v>
          </cell>
          <cell r="G1082">
            <v>0</v>
          </cell>
          <cell r="H1082">
            <v>0</v>
          </cell>
          <cell r="I1082">
            <v>0</v>
          </cell>
          <cell r="J1082">
            <v>0</v>
          </cell>
          <cell r="K1082">
            <v>0</v>
          </cell>
          <cell r="L1082">
            <v>0</v>
          </cell>
          <cell r="M1082">
            <v>0</v>
          </cell>
          <cell r="N1082">
            <v>0</v>
          </cell>
          <cell r="O1082">
            <v>0</v>
          </cell>
          <cell r="P1082">
            <v>0</v>
          </cell>
          <cell r="Q1082">
            <v>0</v>
          </cell>
          <cell r="R1082">
            <v>0</v>
          </cell>
          <cell r="S1082">
            <v>0</v>
          </cell>
          <cell r="T1082">
            <v>0</v>
          </cell>
          <cell r="U1082">
            <v>0</v>
          </cell>
          <cell r="V1082">
            <v>0</v>
          </cell>
          <cell r="W1082">
            <v>0</v>
          </cell>
        </row>
        <row r="1083">
          <cell r="A1083" t="str">
            <v>MLE_tesoreria_%</v>
          </cell>
          <cell r="G1083">
            <v>0</v>
          </cell>
          <cell r="H1083">
            <v>0</v>
          </cell>
          <cell r="I1083">
            <v>0</v>
          </cell>
          <cell r="J1083">
            <v>0</v>
          </cell>
          <cell r="K1083">
            <v>0</v>
          </cell>
          <cell r="L1083">
            <v>0</v>
          </cell>
          <cell r="M1083">
            <v>0</v>
          </cell>
          <cell r="N1083">
            <v>0</v>
          </cell>
          <cell r="O1083">
            <v>0</v>
          </cell>
          <cell r="P1083">
            <v>0</v>
          </cell>
          <cell r="Q1083">
            <v>0</v>
          </cell>
          <cell r="R1083">
            <v>0</v>
          </cell>
          <cell r="S1083">
            <v>0</v>
          </cell>
          <cell r="T1083">
            <v>0</v>
          </cell>
          <cell r="U1083">
            <v>0</v>
          </cell>
          <cell r="V1083">
            <v>0</v>
          </cell>
          <cell r="W1083">
            <v>0</v>
          </cell>
        </row>
        <row r="1084">
          <cell r="A1084" t="str">
            <v>MFA_tesoreria_%</v>
          </cell>
          <cell r="G1084">
            <v>0</v>
          </cell>
          <cell r="H1084">
            <v>0</v>
          </cell>
          <cell r="I1084">
            <v>0</v>
          </cell>
          <cell r="J1084">
            <v>0</v>
          </cell>
          <cell r="K1084">
            <v>0</v>
          </cell>
          <cell r="L1084">
            <v>0</v>
          </cell>
          <cell r="M1084">
            <v>0</v>
          </cell>
          <cell r="N1084">
            <v>0</v>
          </cell>
          <cell r="O1084">
            <v>0</v>
          </cell>
          <cell r="P1084">
            <v>0</v>
          </cell>
          <cell r="Q1084">
            <v>0</v>
          </cell>
          <cell r="R1084">
            <v>0</v>
          </cell>
          <cell r="S1084">
            <v>0</v>
          </cell>
          <cell r="T1084">
            <v>0</v>
          </cell>
          <cell r="U1084">
            <v>0</v>
          </cell>
          <cell r="V1084">
            <v>0</v>
          </cell>
          <cell r="W1084">
            <v>0</v>
          </cell>
        </row>
        <row r="1085">
          <cell r="A1085" t="str">
            <v>MBQ_tesoreria_%</v>
          </cell>
          <cell r="G1085">
            <v>0</v>
          </cell>
          <cell r="H1085">
            <v>0</v>
          </cell>
          <cell r="I1085">
            <v>0</v>
          </cell>
          <cell r="J1085">
            <v>0</v>
          </cell>
          <cell r="K1085">
            <v>0</v>
          </cell>
          <cell r="L1085">
            <v>0</v>
          </cell>
          <cell r="M1085">
            <v>0</v>
          </cell>
          <cell r="N1085">
            <v>0</v>
          </cell>
          <cell r="O1085">
            <v>0</v>
          </cell>
          <cell r="P1085">
            <v>0</v>
          </cell>
          <cell r="Q1085">
            <v>0</v>
          </cell>
          <cell r="R1085">
            <v>0</v>
          </cell>
          <cell r="S1085">
            <v>0</v>
          </cell>
          <cell r="T1085">
            <v>0</v>
          </cell>
          <cell r="U1085">
            <v>0</v>
          </cell>
          <cell r="V1085">
            <v>0</v>
          </cell>
          <cell r="W1085">
            <v>0</v>
          </cell>
        </row>
        <row r="1086">
          <cell r="A1086" t="str">
            <v>MBG_tesoreria_%</v>
          </cell>
          <cell r="G1086">
            <v>0</v>
          </cell>
          <cell r="H1086">
            <v>0</v>
          </cell>
          <cell r="I1086">
            <v>0</v>
          </cell>
          <cell r="J1086">
            <v>0</v>
          </cell>
          <cell r="K1086">
            <v>0</v>
          </cell>
          <cell r="L1086">
            <v>0</v>
          </cell>
          <cell r="M1086">
            <v>0</v>
          </cell>
          <cell r="N1086">
            <v>0</v>
          </cell>
          <cell r="O1086">
            <v>0</v>
          </cell>
          <cell r="P1086">
            <v>0</v>
          </cell>
          <cell r="Q1086">
            <v>0</v>
          </cell>
          <cell r="R1086">
            <v>0</v>
          </cell>
          <cell r="S1086">
            <v>0</v>
          </cell>
          <cell r="T1086">
            <v>0</v>
          </cell>
          <cell r="U1086">
            <v>0</v>
          </cell>
          <cell r="V1086">
            <v>0</v>
          </cell>
          <cell r="W1086">
            <v>0</v>
          </cell>
        </row>
        <row r="1087">
          <cell r="A1087" t="str">
            <v>WID_tesoreria_%</v>
          </cell>
          <cell r="G1087">
            <v>0</v>
          </cell>
          <cell r="H1087">
            <v>0</v>
          </cell>
          <cell r="I1087">
            <v>0</v>
          </cell>
          <cell r="J1087">
            <v>0</v>
          </cell>
          <cell r="K1087">
            <v>0</v>
          </cell>
          <cell r="L1087">
            <v>0</v>
          </cell>
          <cell r="M1087">
            <v>0</v>
          </cell>
          <cell r="N1087">
            <v>0</v>
          </cell>
          <cell r="O1087">
            <v>0</v>
          </cell>
          <cell r="P1087">
            <v>0</v>
          </cell>
          <cell r="Q1087">
            <v>0</v>
          </cell>
          <cell r="R1087">
            <v>0</v>
          </cell>
          <cell r="S1087">
            <v>0</v>
          </cell>
          <cell r="T1087">
            <v>0</v>
          </cell>
          <cell r="U1087">
            <v>0</v>
          </cell>
          <cell r="V1087">
            <v>0</v>
          </cell>
          <cell r="W1087">
            <v>0</v>
          </cell>
        </row>
        <row r="1088">
          <cell r="A1088" t="str">
            <v>FIN_tesoreria_%</v>
          </cell>
          <cell r="G1088">
            <v>0</v>
          </cell>
          <cell r="H1088">
            <v>0</v>
          </cell>
          <cell r="I1088">
            <v>0</v>
          </cell>
          <cell r="J1088">
            <v>0</v>
          </cell>
          <cell r="K1088">
            <v>0</v>
          </cell>
          <cell r="L1088">
            <v>0</v>
          </cell>
          <cell r="M1088">
            <v>0</v>
          </cell>
          <cell r="N1088">
            <v>0</v>
          </cell>
          <cell r="O1088">
            <v>0</v>
          </cell>
          <cell r="P1088">
            <v>0</v>
          </cell>
          <cell r="Q1088">
            <v>0</v>
          </cell>
          <cell r="R1088">
            <v>0</v>
          </cell>
          <cell r="S1088">
            <v>0</v>
          </cell>
          <cell r="T1088">
            <v>0</v>
          </cell>
          <cell r="U1088">
            <v>0</v>
          </cell>
          <cell r="V1088">
            <v>0</v>
          </cell>
          <cell r="W1088">
            <v>0</v>
          </cell>
        </row>
        <row r="1089">
          <cell r="A1089" t="str">
            <v>ALM_tesoreria_%</v>
          </cell>
          <cell r="G1089">
            <v>0</v>
          </cell>
          <cell r="H1089">
            <v>0</v>
          </cell>
          <cell r="I1089">
            <v>0</v>
          </cell>
          <cell r="J1089">
            <v>0</v>
          </cell>
          <cell r="K1089">
            <v>0</v>
          </cell>
          <cell r="L1089">
            <v>0</v>
          </cell>
          <cell r="M1089">
            <v>0</v>
          </cell>
          <cell r="N1089">
            <v>0</v>
          </cell>
          <cell r="O1089">
            <v>0</v>
          </cell>
          <cell r="P1089">
            <v>0</v>
          </cell>
          <cell r="Q1089">
            <v>0</v>
          </cell>
          <cell r="R1089">
            <v>0</v>
          </cell>
          <cell r="S1089">
            <v>0</v>
          </cell>
          <cell r="T1089">
            <v>0</v>
          </cell>
          <cell r="U1089">
            <v>0</v>
          </cell>
          <cell r="V1089">
            <v>0</v>
          </cell>
          <cell r="W1089">
            <v>0</v>
          </cell>
        </row>
        <row r="1090">
          <cell r="A1090" t="str">
            <v>FUO_tesoreria_%</v>
          </cell>
          <cell r="G1090">
            <v>0</v>
          </cell>
          <cell r="H1090">
            <v>0</v>
          </cell>
          <cell r="I1090">
            <v>0</v>
          </cell>
          <cell r="J1090">
            <v>0</v>
          </cell>
          <cell r="K1090">
            <v>0</v>
          </cell>
          <cell r="L1090">
            <v>0</v>
          </cell>
          <cell r="M1090">
            <v>0</v>
          </cell>
          <cell r="N1090">
            <v>0</v>
          </cell>
          <cell r="O1090">
            <v>0</v>
          </cell>
          <cell r="P1090">
            <v>0</v>
          </cell>
          <cell r="Q1090">
            <v>0</v>
          </cell>
          <cell r="R1090">
            <v>0</v>
          </cell>
          <cell r="S1090">
            <v>0</v>
          </cell>
          <cell r="T1090">
            <v>0</v>
          </cell>
          <cell r="U1090">
            <v>0</v>
          </cell>
          <cell r="V1090">
            <v>0</v>
          </cell>
          <cell r="W1090">
            <v>0</v>
          </cell>
        </row>
        <row r="1091">
          <cell r="A1091" t="str">
            <v>XXX_tesoreria_%</v>
          </cell>
          <cell r="G1091">
            <v>0</v>
          </cell>
          <cell r="H1091">
            <v>0</v>
          </cell>
          <cell r="I1091">
            <v>0</v>
          </cell>
          <cell r="J1091">
            <v>0</v>
          </cell>
          <cell r="K1091">
            <v>0</v>
          </cell>
          <cell r="L1091">
            <v>0</v>
          </cell>
          <cell r="M1091">
            <v>0</v>
          </cell>
          <cell r="N1091">
            <v>0</v>
          </cell>
          <cell r="O1091">
            <v>0</v>
          </cell>
          <cell r="P1091">
            <v>0</v>
          </cell>
          <cell r="Q1091">
            <v>0</v>
          </cell>
          <cell r="R1091">
            <v>0</v>
          </cell>
          <cell r="S1091">
            <v>0</v>
          </cell>
          <cell r="T1091">
            <v>0</v>
          </cell>
          <cell r="U1091">
            <v>0</v>
          </cell>
          <cell r="V1091">
            <v>0</v>
          </cell>
          <cell r="W1091">
            <v>0</v>
          </cell>
        </row>
        <row r="1094">
          <cell r="A1094" t="str">
            <v>Val_servizi_altri_%</v>
          </cell>
          <cell r="G1094">
            <v>7.2578653551788592E-8</v>
          </cell>
          <cell r="H1094">
            <v>5.0332649952641818E-8</v>
          </cell>
          <cell r="I1094">
            <v>6.1455651752215201E-8</v>
          </cell>
          <cell r="J1094">
            <v>6.1455651752215201E-8</v>
          </cell>
          <cell r="K1094">
            <v>6.1455651752215201E-8</v>
          </cell>
          <cell r="L1094">
            <v>6.1455651752215201E-8</v>
          </cell>
          <cell r="M1094">
            <v>6.1455651752215201E-8</v>
          </cell>
          <cell r="N1094">
            <v>6.1455651752215201E-8</v>
          </cell>
          <cell r="O1094">
            <v>6.1455651752215201E-8</v>
          </cell>
          <cell r="P1094">
            <v>6.1455651752215201E-8</v>
          </cell>
          <cell r="Q1094">
            <v>6.1455651752215201E-8</v>
          </cell>
          <cell r="R1094">
            <v>6.1455651752215201E-8</v>
          </cell>
          <cell r="S1094">
            <v>6.1455651752215201E-8</v>
          </cell>
          <cell r="T1094">
            <v>6.1455651752215201E-8</v>
          </cell>
          <cell r="U1094">
            <v>6.1455651752215201E-8</v>
          </cell>
          <cell r="V1094">
            <v>6.1455651752215201E-8</v>
          </cell>
          <cell r="W1094">
            <v>6.1455651752215201E-8</v>
          </cell>
          <cell r="Y1094">
            <v>0</v>
          </cell>
          <cell r="Z1094">
            <v>0</v>
          </cell>
        </row>
        <row r="1095">
          <cell r="A1095" t="str">
            <v>Pre_servizi_altri_%</v>
          </cell>
          <cell r="G1095">
            <v>3.125137000202963E-7</v>
          </cell>
          <cell r="H1095">
            <v>1.3554787657964306E-8</v>
          </cell>
          <cell r="I1095">
            <v>1.630342438391303E-7</v>
          </cell>
          <cell r="J1095">
            <v>1.630342438391303E-7</v>
          </cell>
          <cell r="K1095">
            <v>1.630342438391303E-7</v>
          </cell>
          <cell r="L1095">
            <v>1.630342438391303E-7</v>
          </cell>
          <cell r="M1095">
            <v>1.630342438391303E-7</v>
          </cell>
          <cell r="N1095">
            <v>1.630342438391303E-7</v>
          </cell>
          <cell r="O1095">
            <v>1.630342438391303E-7</v>
          </cell>
          <cell r="P1095">
            <v>1.630342438391303E-7</v>
          </cell>
          <cell r="Q1095">
            <v>1.630342438391303E-7</v>
          </cell>
          <cell r="R1095">
            <v>1.630342438391303E-7</v>
          </cell>
          <cell r="S1095">
            <v>1.630342438391303E-7</v>
          </cell>
          <cell r="T1095">
            <v>1.630342438391303E-7</v>
          </cell>
          <cell r="U1095">
            <v>1.630342438391303E-7</v>
          </cell>
          <cell r="V1095">
            <v>1.630342438391303E-7</v>
          </cell>
          <cell r="W1095">
            <v>1.630342438391303E-7</v>
          </cell>
        </row>
        <row r="1096">
          <cell r="A1096" t="str">
            <v>Sma_servizi_altri_%</v>
          </cell>
          <cell r="G1096">
            <v>2.8596727048045658E-7</v>
          </cell>
          <cell r="H1096">
            <v>1.9854043751651095E-7</v>
          </cell>
          <cell r="I1096">
            <v>2.4225385399848375E-7</v>
          </cell>
          <cell r="J1096">
            <v>2.4225385399848375E-7</v>
          </cell>
          <cell r="K1096">
            <v>2.4225385399848375E-7</v>
          </cell>
          <cell r="L1096">
            <v>2.4225385399848375E-7</v>
          </cell>
          <cell r="M1096">
            <v>2.4225385399848375E-7</v>
          </cell>
          <cell r="N1096">
            <v>2.4225385399848375E-7</v>
          </cell>
          <cell r="O1096">
            <v>2.4225385399848375E-7</v>
          </cell>
          <cell r="P1096">
            <v>2.4225385399848375E-7</v>
          </cell>
          <cell r="Q1096">
            <v>2.4225385399848375E-7</v>
          </cell>
          <cell r="R1096">
            <v>2.4225385399848375E-7</v>
          </cell>
          <cell r="S1096">
            <v>2.4225385399848375E-7</v>
          </cell>
          <cell r="T1096">
            <v>2.4225385399848375E-7</v>
          </cell>
          <cell r="U1096">
            <v>2.4225385399848375E-7</v>
          </cell>
          <cell r="V1096">
            <v>2.4225385399848375E-7</v>
          </cell>
          <cell r="W1096">
            <v>2.4225385399848375E-7</v>
          </cell>
        </row>
        <row r="1097">
          <cell r="A1097" t="str">
            <v>Pri_servizi_altri_%</v>
          </cell>
          <cell r="G1097">
            <v>4.1997111697353762E-6</v>
          </cell>
          <cell r="H1097">
            <v>-8.8391790286527121E-7</v>
          </cell>
          <cell r="I1097">
            <v>1.6578966334350524E-6</v>
          </cell>
          <cell r="J1097">
            <v>1.6578966334350524E-6</v>
          </cell>
          <cell r="K1097">
            <v>1.6578966334350524E-6</v>
          </cell>
          <cell r="L1097">
            <v>1.6578966334350524E-6</v>
          </cell>
          <cell r="M1097">
            <v>1.6578966334350524E-6</v>
          </cell>
          <cell r="N1097">
            <v>1.6578966334350524E-6</v>
          </cell>
          <cell r="O1097">
            <v>1.6578966334350524E-6</v>
          </cell>
          <cell r="P1097">
            <v>1.6578966334350524E-6</v>
          </cell>
          <cell r="Q1097">
            <v>1.6578966334350524E-6</v>
          </cell>
          <cell r="R1097">
            <v>1.6578966334350524E-6</v>
          </cell>
          <cell r="S1097">
            <v>1.6578966334350524E-6</v>
          </cell>
          <cell r="T1097">
            <v>1.6578966334350524E-6</v>
          </cell>
          <cell r="U1097">
            <v>1.6578966334350524E-6</v>
          </cell>
          <cell r="V1097">
            <v>1.6578966334350524E-6</v>
          </cell>
          <cell r="W1097">
            <v>1.6578966334350524E-6</v>
          </cell>
        </row>
        <row r="1098">
          <cell r="A1098" t="str">
            <v>Fam_servizi_altri_%</v>
          </cell>
          <cell r="G1098">
            <v>6.500573678290215E-5</v>
          </cell>
          <cell r="H1098">
            <v>-3.0717959991206856E-7</v>
          </cell>
          <cell r="I1098">
            <v>3.2349278591495039E-5</v>
          </cell>
          <cell r="J1098">
            <v>3.2349278591495039E-5</v>
          </cell>
          <cell r="K1098">
            <v>3.2349278591495039E-5</v>
          </cell>
          <cell r="L1098">
            <v>3.2349278591495039E-5</v>
          </cell>
          <cell r="M1098">
            <v>3.2349278591495039E-5</v>
          </cell>
          <cell r="N1098">
            <v>3.2349278591495039E-5</v>
          </cell>
          <cell r="O1098">
            <v>3.2349278591495039E-5</v>
          </cell>
          <cell r="P1098">
            <v>3.2349278591495039E-5</v>
          </cell>
          <cell r="Q1098">
            <v>3.2349278591495039E-5</v>
          </cell>
          <cell r="R1098">
            <v>3.2349278591495039E-5</v>
          </cell>
          <cell r="S1098">
            <v>3.2349278591495039E-5</v>
          </cell>
          <cell r="T1098">
            <v>3.2349278591495039E-5</v>
          </cell>
          <cell r="U1098">
            <v>3.2349278591495039E-5</v>
          </cell>
          <cell r="V1098">
            <v>3.2349278591495039E-5</v>
          </cell>
          <cell r="W1098">
            <v>3.2349278591495039E-5</v>
          </cell>
        </row>
        <row r="1099">
          <cell r="A1099" t="str">
            <v>PMI_servizi_altri_%</v>
          </cell>
          <cell r="G1099">
            <v>0</v>
          </cell>
          <cell r="H1099">
            <v>5.7637308752890939E-6</v>
          </cell>
          <cell r="I1099">
            <v>2.8818654376445469E-6</v>
          </cell>
          <cell r="J1099">
            <v>2.8818654376445469E-6</v>
          </cell>
          <cell r="K1099">
            <v>2.8818654376445469E-6</v>
          </cell>
          <cell r="L1099">
            <v>2.8818654376445469E-6</v>
          </cell>
          <cell r="M1099">
            <v>2.8818654376445469E-6</v>
          </cell>
          <cell r="N1099">
            <v>2.8818654376445469E-6</v>
          </cell>
          <cell r="O1099">
            <v>2.8818654376445469E-6</v>
          </cell>
          <cell r="P1099">
            <v>2.8818654376445469E-6</v>
          </cell>
          <cell r="Q1099">
            <v>2.8818654376445469E-6</v>
          </cell>
          <cell r="R1099">
            <v>2.8818654376445469E-6</v>
          </cell>
          <cell r="S1099">
            <v>2.8818654376445469E-6</v>
          </cell>
          <cell r="T1099">
            <v>2.8818654376445469E-6</v>
          </cell>
          <cell r="U1099">
            <v>2.8818654376445469E-6</v>
          </cell>
          <cell r="V1099">
            <v>2.8818654376445469E-6</v>
          </cell>
          <cell r="W1099">
            <v>2.8818654376445469E-6</v>
          </cell>
        </row>
        <row r="1100">
          <cell r="A1100" t="str">
            <v>ENT_servizi_altri_%</v>
          </cell>
          <cell r="G1100">
            <v>3.1008967578753701E-7</v>
          </cell>
          <cell r="H1100">
            <v>6.530354073564799E-6</v>
          </cell>
          <cell r="I1100">
            <v>3.420221874676168E-6</v>
          </cell>
          <cell r="J1100">
            <v>3.420221874676168E-6</v>
          </cell>
          <cell r="K1100">
            <v>3.420221874676168E-6</v>
          </cell>
          <cell r="L1100">
            <v>3.420221874676168E-6</v>
          </cell>
          <cell r="M1100">
            <v>3.420221874676168E-6</v>
          </cell>
          <cell r="N1100">
            <v>3.420221874676168E-6</v>
          </cell>
          <cell r="O1100">
            <v>3.420221874676168E-6</v>
          </cell>
          <cell r="P1100">
            <v>3.420221874676168E-6</v>
          </cell>
          <cell r="Q1100">
            <v>3.420221874676168E-6</v>
          </cell>
          <cell r="R1100">
            <v>3.420221874676168E-6</v>
          </cell>
          <cell r="S1100">
            <v>3.420221874676168E-6</v>
          </cell>
          <cell r="T1100">
            <v>3.420221874676168E-6</v>
          </cell>
          <cell r="U1100">
            <v>3.420221874676168E-6</v>
          </cell>
          <cell r="V1100">
            <v>3.420221874676168E-6</v>
          </cell>
          <cell r="W1100">
            <v>3.420221874676168E-6</v>
          </cell>
        </row>
        <row r="1101">
          <cell r="A1101" t="str">
            <v>Cor_servizi_altri_%</v>
          </cell>
          <cell r="G1101">
            <v>0</v>
          </cell>
          <cell r="H1101">
            <v>8.4479246563719666E-6</v>
          </cell>
          <cell r="I1101">
            <v>4.2239623281859833E-6</v>
          </cell>
          <cell r="J1101">
            <v>4.2239623281859833E-6</v>
          </cell>
          <cell r="K1101">
            <v>4.2239623281859833E-6</v>
          </cell>
          <cell r="L1101">
            <v>4.2239623281859833E-6</v>
          </cell>
          <cell r="M1101">
            <v>4.2239623281859833E-6</v>
          </cell>
          <cell r="N1101">
            <v>4.2239623281859833E-6</v>
          </cell>
          <cell r="O1101">
            <v>4.2239623281859833E-6</v>
          </cell>
          <cell r="P1101">
            <v>4.2239623281859833E-6</v>
          </cell>
          <cell r="Q1101">
            <v>4.2239623281859833E-6</v>
          </cell>
          <cell r="R1101">
            <v>4.2239623281859833E-6</v>
          </cell>
          <cell r="S1101">
            <v>4.2239623281859833E-6</v>
          </cell>
          <cell r="T1101">
            <v>4.2239623281859833E-6</v>
          </cell>
          <cell r="U1101">
            <v>4.2239623281859833E-6</v>
          </cell>
          <cell r="V1101">
            <v>4.2239623281859833E-6</v>
          </cell>
          <cell r="W1101">
            <v>4.2239623281859833E-6</v>
          </cell>
        </row>
        <row r="1102">
          <cell r="A1102" t="str">
            <v>Gra_servizi_altri_%</v>
          </cell>
          <cell r="G1102">
            <v>1.3039238165680479E-5</v>
          </cell>
          <cell r="H1102">
            <v>2.7914385307346326E-5</v>
          </cell>
          <cell r="I1102">
            <v>2.0476811736513403E-5</v>
          </cell>
          <cell r="J1102">
            <v>2.0476811736513403E-5</v>
          </cell>
          <cell r="K1102">
            <v>2.0476811736513403E-5</v>
          </cell>
          <cell r="L1102">
            <v>2.0476811736513403E-5</v>
          </cell>
          <cell r="M1102">
            <v>2.0476811736513403E-5</v>
          </cell>
          <cell r="N1102">
            <v>2.0476811736513403E-5</v>
          </cell>
          <cell r="O1102">
            <v>2.0476811736513403E-5</v>
          </cell>
          <cell r="P1102">
            <v>2.0476811736513403E-5</v>
          </cell>
          <cell r="Q1102">
            <v>2.0476811736513403E-5</v>
          </cell>
          <cell r="R1102">
            <v>2.0476811736513403E-5</v>
          </cell>
          <cell r="S1102">
            <v>2.0476811736513403E-5</v>
          </cell>
          <cell r="T1102">
            <v>2.0476811736513403E-5</v>
          </cell>
          <cell r="U1102">
            <v>2.0476811736513403E-5</v>
          </cell>
          <cell r="V1102">
            <v>2.0476811736513403E-5</v>
          </cell>
          <cell r="W1102">
            <v>2.0476811736513403E-5</v>
          </cell>
        </row>
        <row r="1103">
          <cell r="A1103" t="str">
            <v>FEX_servizi_altri_%</v>
          </cell>
          <cell r="G1103">
            <v>0</v>
          </cell>
          <cell r="H1103">
            <v>0</v>
          </cell>
          <cell r="I1103">
            <v>0</v>
          </cell>
          <cell r="J1103">
            <v>0</v>
          </cell>
          <cell r="K1103">
            <v>0</v>
          </cell>
          <cell r="L1103">
            <v>0</v>
          </cell>
          <cell r="M1103">
            <v>0</v>
          </cell>
          <cell r="N1103">
            <v>0</v>
          </cell>
          <cell r="O1103">
            <v>0</v>
          </cell>
          <cell r="P1103">
            <v>0</v>
          </cell>
          <cell r="Q1103">
            <v>0</v>
          </cell>
          <cell r="R1103">
            <v>0</v>
          </cell>
          <cell r="S1103">
            <v>0</v>
          </cell>
          <cell r="T1103">
            <v>0</v>
          </cell>
          <cell r="U1103">
            <v>0</v>
          </cell>
          <cell r="V1103">
            <v>0</v>
          </cell>
          <cell r="W1103">
            <v>0</v>
          </cell>
        </row>
        <row r="1104">
          <cell r="A1104" t="str">
            <v>MCL_servizi_altri_%</v>
          </cell>
          <cell r="G1104">
            <v>0</v>
          </cell>
          <cell r="H1104">
            <v>0</v>
          </cell>
          <cell r="I1104">
            <v>0</v>
          </cell>
          <cell r="J1104">
            <v>0</v>
          </cell>
          <cell r="K1104">
            <v>0</v>
          </cell>
          <cell r="L1104">
            <v>0</v>
          </cell>
          <cell r="M1104">
            <v>0</v>
          </cell>
          <cell r="N1104">
            <v>0</v>
          </cell>
          <cell r="O1104">
            <v>0</v>
          </cell>
          <cell r="P1104">
            <v>0</v>
          </cell>
          <cell r="Q1104">
            <v>0</v>
          </cell>
          <cell r="R1104">
            <v>0</v>
          </cell>
          <cell r="S1104">
            <v>0</v>
          </cell>
          <cell r="T1104">
            <v>0</v>
          </cell>
          <cell r="U1104">
            <v>0</v>
          </cell>
          <cell r="V1104">
            <v>0</v>
          </cell>
          <cell r="W1104">
            <v>0</v>
          </cell>
        </row>
        <row r="1105">
          <cell r="A1105" t="str">
            <v>MCG_servizi_altri_%</v>
          </cell>
          <cell r="G1105">
            <v>0</v>
          </cell>
          <cell r="H1105">
            <v>0</v>
          </cell>
          <cell r="I1105">
            <v>0</v>
          </cell>
          <cell r="J1105">
            <v>0</v>
          </cell>
          <cell r="K1105">
            <v>0</v>
          </cell>
          <cell r="L1105">
            <v>0</v>
          </cell>
          <cell r="M1105">
            <v>0</v>
          </cell>
          <cell r="N1105">
            <v>0</v>
          </cell>
          <cell r="O1105">
            <v>0</v>
          </cell>
          <cell r="P1105">
            <v>0</v>
          </cell>
          <cell r="Q1105">
            <v>0</v>
          </cell>
          <cell r="R1105">
            <v>0</v>
          </cell>
          <cell r="S1105">
            <v>0</v>
          </cell>
          <cell r="T1105">
            <v>0</v>
          </cell>
          <cell r="U1105">
            <v>0</v>
          </cell>
          <cell r="V1105">
            <v>0</v>
          </cell>
          <cell r="W1105">
            <v>0</v>
          </cell>
        </row>
        <row r="1106">
          <cell r="A1106" t="str">
            <v>MLE_servizi_altri_%</v>
          </cell>
          <cell r="G1106">
            <v>0</v>
          </cell>
          <cell r="H1106">
            <v>0</v>
          </cell>
          <cell r="I1106">
            <v>0</v>
          </cell>
          <cell r="J1106">
            <v>0</v>
          </cell>
          <cell r="K1106">
            <v>0</v>
          </cell>
          <cell r="L1106">
            <v>0</v>
          </cell>
          <cell r="M1106">
            <v>0</v>
          </cell>
          <cell r="N1106">
            <v>0</v>
          </cell>
          <cell r="O1106">
            <v>0</v>
          </cell>
          <cell r="P1106">
            <v>0</v>
          </cell>
          <cell r="Q1106">
            <v>0</v>
          </cell>
          <cell r="R1106">
            <v>0</v>
          </cell>
          <cell r="S1106">
            <v>0</v>
          </cell>
          <cell r="T1106">
            <v>0</v>
          </cell>
          <cell r="U1106">
            <v>0</v>
          </cell>
          <cell r="V1106">
            <v>0</v>
          </cell>
          <cell r="W1106">
            <v>0</v>
          </cell>
        </row>
        <row r="1107">
          <cell r="A1107" t="str">
            <v>MFA_servizi_altri_%</v>
          </cell>
          <cell r="G1107">
            <v>0</v>
          </cell>
          <cell r="H1107">
            <v>0</v>
          </cell>
          <cell r="I1107">
            <v>0</v>
          </cell>
          <cell r="J1107">
            <v>0</v>
          </cell>
          <cell r="K1107">
            <v>0</v>
          </cell>
          <cell r="L1107">
            <v>0</v>
          </cell>
          <cell r="M1107">
            <v>0</v>
          </cell>
          <cell r="N1107">
            <v>0</v>
          </cell>
          <cell r="O1107">
            <v>0</v>
          </cell>
          <cell r="P1107">
            <v>0</v>
          </cell>
          <cell r="Q1107">
            <v>0</v>
          </cell>
          <cell r="R1107">
            <v>0</v>
          </cell>
          <cell r="S1107">
            <v>0</v>
          </cell>
          <cell r="T1107">
            <v>0</v>
          </cell>
          <cell r="U1107">
            <v>0</v>
          </cell>
          <cell r="V1107">
            <v>0</v>
          </cell>
          <cell r="W1107">
            <v>0</v>
          </cell>
        </row>
        <row r="1108">
          <cell r="A1108" t="str">
            <v>MBQ_servizi_altri_%</v>
          </cell>
          <cell r="G1108">
            <v>0</v>
          </cell>
          <cell r="H1108">
            <v>0</v>
          </cell>
          <cell r="I1108">
            <v>0</v>
          </cell>
          <cell r="J1108">
            <v>0</v>
          </cell>
          <cell r="K1108">
            <v>0</v>
          </cell>
          <cell r="L1108">
            <v>0</v>
          </cell>
          <cell r="M1108">
            <v>0</v>
          </cell>
          <cell r="N1108">
            <v>0</v>
          </cell>
          <cell r="O1108">
            <v>0</v>
          </cell>
          <cell r="P1108">
            <v>0</v>
          </cell>
          <cell r="Q1108">
            <v>0</v>
          </cell>
          <cell r="R1108">
            <v>0</v>
          </cell>
          <cell r="S1108">
            <v>0</v>
          </cell>
          <cell r="T1108">
            <v>0</v>
          </cell>
          <cell r="U1108">
            <v>0</v>
          </cell>
          <cell r="V1108">
            <v>0</v>
          </cell>
          <cell r="W1108">
            <v>0</v>
          </cell>
        </row>
        <row r="1109">
          <cell r="A1109" t="str">
            <v>MBG_servizi_altri_%</v>
          </cell>
          <cell r="G1109">
            <v>0</v>
          </cell>
          <cell r="H1109">
            <v>0</v>
          </cell>
          <cell r="I1109">
            <v>0</v>
          </cell>
          <cell r="J1109">
            <v>0</v>
          </cell>
          <cell r="K1109">
            <v>0</v>
          </cell>
          <cell r="L1109">
            <v>0</v>
          </cell>
          <cell r="M1109">
            <v>0</v>
          </cell>
          <cell r="N1109">
            <v>0</v>
          </cell>
          <cell r="O1109">
            <v>0</v>
          </cell>
          <cell r="P1109">
            <v>0</v>
          </cell>
          <cell r="Q1109">
            <v>0</v>
          </cell>
          <cell r="R1109">
            <v>0</v>
          </cell>
          <cell r="S1109">
            <v>0</v>
          </cell>
          <cell r="T1109">
            <v>0</v>
          </cell>
          <cell r="U1109">
            <v>0</v>
          </cell>
          <cell r="V1109">
            <v>0</v>
          </cell>
          <cell r="W1109">
            <v>0</v>
          </cell>
        </row>
        <row r="1110">
          <cell r="A1110" t="str">
            <v>WID_servizi_altri_%</v>
          </cell>
          <cell r="G1110">
            <v>0</v>
          </cell>
          <cell r="H1110">
            <v>0</v>
          </cell>
          <cell r="I1110">
            <v>0</v>
          </cell>
          <cell r="J1110">
            <v>0</v>
          </cell>
          <cell r="K1110">
            <v>0</v>
          </cell>
          <cell r="L1110">
            <v>0</v>
          </cell>
          <cell r="M1110">
            <v>0</v>
          </cell>
          <cell r="N1110">
            <v>0</v>
          </cell>
          <cell r="O1110">
            <v>0</v>
          </cell>
          <cell r="P1110">
            <v>0</v>
          </cell>
          <cell r="Q1110">
            <v>0</v>
          </cell>
          <cell r="R1110">
            <v>0</v>
          </cell>
          <cell r="S1110">
            <v>0</v>
          </cell>
          <cell r="T1110">
            <v>0</v>
          </cell>
          <cell r="U1110">
            <v>0</v>
          </cell>
          <cell r="V1110">
            <v>0</v>
          </cell>
          <cell r="W1110">
            <v>0</v>
          </cell>
        </row>
        <row r="1111">
          <cell r="A1111" t="str">
            <v>FIN_servizi_altri_%</v>
          </cell>
          <cell r="G1111">
            <v>0</v>
          </cell>
          <cell r="H1111">
            <v>0</v>
          </cell>
          <cell r="I1111">
            <v>0</v>
          </cell>
          <cell r="J1111">
            <v>0</v>
          </cell>
          <cell r="K1111">
            <v>0</v>
          </cell>
          <cell r="L1111">
            <v>0</v>
          </cell>
          <cell r="M1111">
            <v>0</v>
          </cell>
          <cell r="N1111">
            <v>0</v>
          </cell>
          <cell r="O1111">
            <v>0</v>
          </cell>
          <cell r="P1111">
            <v>0</v>
          </cell>
          <cell r="Q1111">
            <v>0</v>
          </cell>
          <cell r="R1111">
            <v>0</v>
          </cell>
          <cell r="S1111">
            <v>0</v>
          </cell>
          <cell r="T1111">
            <v>0</v>
          </cell>
          <cell r="U1111">
            <v>0</v>
          </cell>
          <cell r="V1111">
            <v>0</v>
          </cell>
          <cell r="W1111">
            <v>0</v>
          </cell>
        </row>
        <row r="1112">
          <cell r="A1112" t="str">
            <v>ALM_servizi_altri_%</v>
          </cell>
          <cell r="G1112">
            <v>0</v>
          </cell>
          <cell r="H1112">
            <v>0</v>
          </cell>
          <cell r="I1112">
            <v>0</v>
          </cell>
          <cell r="J1112">
            <v>0</v>
          </cell>
          <cell r="K1112">
            <v>0</v>
          </cell>
          <cell r="L1112">
            <v>0</v>
          </cell>
          <cell r="M1112">
            <v>0</v>
          </cell>
          <cell r="N1112">
            <v>0</v>
          </cell>
          <cell r="O1112">
            <v>0</v>
          </cell>
          <cell r="P1112">
            <v>0</v>
          </cell>
          <cell r="Q1112">
            <v>0</v>
          </cell>
          <cell r="R1112">
            <v>0</v>
          </cell>
          <cell r="S1112">
            <v>0</v>
          </cell>
          <cell r="T1112">
            <v>0</v>
          </cell>
          <cell r="U1112">
            <v>0</v>
          </cell>
          <cell r="V1112">
            <v>0</v>
          </cell>
          <cell r="W1112">
            <v>0</v>
          </cell>
        </row>
        <row r="1113">
          <cell r="A1113" t="str">
            <v>FUO_servizi_altri_%</v>
          </cell>
          <cell r="G1113">
            <v>0</v>
          </cell>
          <cell r="H1113">
            <v>0</v>
          </cell>
          <cell r="I1113">
            <v>0</v>
          </cell>
          <cell r="J1113">
            <v>0</v>
          </cell>
          <cell r="K1113">
            <v>0</v>
          </cell>
          <cell r="L1113">
            <v>0</v>
          </cell>
          <cell r="M1113">
            <v>0</v>
          </cell>
          <cell r="N1113">
            <v>0</v>
          </cell>
          <cell r="O1113">
            <v>0</v>
          </cell>
          <cell r="P1113">
            <v>0</v>
          </cell>
          <cell r="Q1113">
            <v>0</v>
          </cell>
          <cell r="R1113">
            <v>0</v>
          </cell>
          <cell r="S1113">
            <v>0</v>
          </cell>
          <cell r="T1113">
            <v>0</v>
          </cell>
          <cell r="U1113">
            <v>0</v>
          </cell>
          <cell r="V1113">
            <v>0</v>
          </cell>
          <cell r="W1113">
            <v>0</v>
          </cell>
        </row>
        <row r="1114">
          <cell r="A1114" t="str">
            <v>XXX_servizi_altri_%</v>
          </cell>
          <cell r="G1114">
            <v>0</v>
          </cell>
          <cell r="H1114">
            <v>0</v>
          </cell>
          <cell r="I1114">
            <v>0</v>
          </cell>
          <cell r="J1114">
            <v>0</v>
          </cell>
          <cell r="K1114">
            <v>0</v>
          </cell>
          <cell r="L1114">
            <v>0</v>
          </cell>
          <cell r="M1114">
            <v>0</v>
          </cell>
          <cell r="N1114">
            <v>0</v>
          </cell>
          <cell r="O1114">
            <v>0</v>
          </cell>
          <cell r="P1114">
            <v>0</v>
          </cell>
          <cell r="Q1114">
            <v>0</v>
          </cell>
          <cell r="R1114">
            <v>0</v>
          </cell>
          <cell r="S1114">
            <v>0</v>
          </cell>
          <cell r="T1114">
            <v>0</v>
          </cell>
          <cell r="U1114">
            <v>0</v>
          </cell>
          <cell r="V1114">
            <v>0</v>
          </cell>
          <cell r="W1114">
            <v>0</v>
          </cell>
        </row>
        <row r="1116">
          <cell r="A1116" t="str">
            <v>Val_gemme_%</v>
          </cell>
          <cell r="G1116">
            <v>1.8667664302459702E-7</v>
          </cell>
          <cell r="H1116">
            <v>2.534998692101901E-7</v>
          </cell>
          <cell r="I1116">
            <v>2.2008825611739356E-7</v>
          </cell>
          <cell r="J1116">
            <v>2.2008825611739356E-7</v>
          </cell>
          <cell r="K1116">
            <v>2.2008825611739356E-7</v>
          </cell>
          <cell r="L1116">
            <v>2.2008825611739356E-7</v>
          </cell>
          <cell r="M1116">
            <v>2.2008825611739356E-7</v>
          </cell>
          <cell r="N1116">
            <v>2.2008825611739356E-7</v>
          </cell>
          <cell r="O1116">
            <v>2.2008825611739356E-7</v>
          </cell>
          <cell r="P1116">
            <v>2.2008825611739356E-7</v>
          </cell>
          <cell r="Q1116">
            <v>2.2008825611739356E-7</v>
          </cell>
          <cell r="R1116">
            <v>2.2008825611739356E-7</v>
          </cell>
          <cell r="S1116">
            <v>2.2008825611739356E-7</v>
          </cell>
          <cell r="T1116">
            <v>2.2008825611739356E-7</v>
          </cell>
          <cell r="U1116">
            <v>2.2008825611739356E-7</v>
          </cell>
          <cell r="V1116">
            <v>2.2008825611739356E-7</v>
          </cell>
          <cell r="W1116">
            <v>2.2008825611739356E-7</v>
          </cell>
          <cell r="Y1116">
            <v>0</v>
          </cell>
          <cell r="Z1116">
            <v>0</v>
          </cell>
        </row>
        <row r="1117">
          <cell r="A1117" t="str">
            <v>Pre_gemme_%</v>
          </cell>
          <cell r="G1117">
            <v>9.2970705038662535E-6</v>
          </cell>
          <cell r="H1117">
            <v>9.074960007084205E-6</v>
          </cell>
          <cell r="I1117">
            <v>9.1860152554752293E-6</v>
          </cell>
          <cell r="J1117">
            <v>9.1860152554752293E-6</v>
          </cell>
          <cell r="K1117">
            <v>9.1860152554752293E-6</v>
          </cell>
          <cell r="L1117">
            <v>9.1860152554752293E-6</v>
          </cell>
          <cell r="M1117">
            <v>9.1860152554752293E-6</v>
          </cell>
          <cell r="N1117">
            <v>9.1860152554752293E-6</v>
          </cell>
          <cell r="O1117">
            <v>9.1860152554752293E-6</v>
          </cell>
          <cell r="P1117">
            <v>9.1860152554752293E-6</v>
          </cell>
          <cell r="Q1117">
            <v>9.1860152554752293E-6</v>
          </cell>
          <cell r="R1117">
            <v>9.1860152554752293E-6</v>
          </cell>
          <cell r="S1117">
            <v>9.1860152554752293E-6</v>
          </cell>
          <cell r="T1117">
            <v>9.1860152554752293E-6</v>
          </cell>
          <cell r="U1117">
            <v>9.1860152554752293E-6</v>
          </cell>
          <cell r="V1117">
            <v>9.1860152554752293E-6</v>
          </cell>
          <cell r="W1117">
            <v>9.1860152554752293E-6</v>
          </cell>
        </row>
        <row r="1118">
          <cell r="A1118" t="str">
            <v>Sma_gemme_%</v>
          </cell>
          <cell r="G1118">
            <v>4.498204599599569E-7</v>
          </cell>
          <cell r="H1118">
            <v>3.9733937902326684E-7</v>
          </cell>
          <cell r="I1118">
            <v>4.2357991949161184E-7</v>
          </cell>
          <cell r="J1118">
            <v>4.2357991949161184E-7</v>
          </cell>
          <cell r="K1118">
            <v>4.2357991949161184E-7</v>
          </cell>
          <cell r="L1118">
            <v>4.2357991949161184E-7</v>
          </cell>
          <cell r="M1118">
            <v>4.2357991949161184E-7</v>
          </cell>
          <cell r="N1118">
            <v>4.2357991949161184E-7</v>
          </cell>
          <cell r="O1118">
            <v>4.2357991949161184E-7</v>
          </cell>
          <cell r="P1118">
            <v>4.2357991949161184E-7</v>
          </cell>
          <cell r="Q1118">
            <v>4.2357991949161184E-7</v>
          </cell>
          <cell r="R1118">
            <v>4.2357991949161184E-7</v>
          </cell>
          <cell r="S1118">
            <v>4.2357991949161184E-7</v>
          </cell>
          <cell r="T1118">
            <v>4.2357991949161184E-7</v>
          </cell>
          <cell r="U1118">
            <v>4.2357991949161184E-7</v>
          </cell>
          <cell r="V1118">
            <v>4.2357991949161184E-7</v>
          </cell>
          <cell r="W1118">
            <v>4.2357991949161184E-7</v>
          </cell>
        </row>
        <row r="1119">
          <cell r="A1119" t="str">
            <v>Pri_gemme_%</v>
          </cell>
          <cell r="G1119">
            <v>8.3601808588756845E-6</v>
          </cell>
          <cell r="H1119">
            <v>1.9059839598997492E-5</v>
          </cell>
          <cell r="I1119">
            <v>1.3710010228936588E-5</v>
          </cell>
          <cell r="J1119">
            <v>1.3710010228936588E-5</v>
          </cell>
          <cell r="K1119">
            <v>1.3710010228936588E-5</v>
          </cell>
          <cell r="L1119">
            <v>1.3710010228936588E-5</v>
          </cell>
          <cell r="M1119">
            <v>1.3710010228936588E-5</v>
          </cell>
          <cell r="N1119">
            <v>1.3710010228936588E-5</v>
          </cell>
          <cell r="O1119">
            <v>1.3710010228936588E-5</v>
          </cell>
          <cell r="P1119">
            <v>1.3710010228936588E-5</v>
          </cell>
          <cell r="Q1119">
            <v>1.3710010228936588E-5</v>
          </cell>
          <cell r="R1119">
            <v>1.3710010228936588E-5</v>
          </cell>
          <cell r="S1119">
            <v>1.3710010228936588E-5</v>
          </cell>
          <cell r="T1119">
            <v>1.3710010228936588E-5</v>
          </cell>
          <cell r="U1119">
            <v>1.3710010228936588E-5</v>
          </cell>
          <cell r="V1119">
            <v>1.3710010228936588E-5</v>
          </cell>
          <cell r="W1119">
            <v>1.3710010228936588E-5</v>
          </cell>
        </row>
        <row r="1120">
          <cell r="A1120" t="str">
            <v>Fam_gemme_%</v>
          </cell>
          <cell r="G1120">
            <v>5.1532827896512929E-5</v>
          </cell>
          <cell r="H1120">
            <v>1.2115981534403166E-5</v>
          </cell>
          <cell r="I1120">
            <v>3.1824404715458045E-5</v>
          </cell>
          <cell r="J1120">
            <v>3.1824404715458045E-5</v>
          </cell>
          <cell r="K1120">
            <v>3.1824404715458045E-5</v>
          </cell>
          <cell r="L1120">
            <v>3.1824404715458045E-5</v>
          </cell>
          <cell r="M1120">
            <v>3.1824404715458045E-5</v>
          </cell>
          <cell r="N1120">
            <v>3.1824404715458045E-5</v>
          </cell>
          <cell r="O1120">
            <v>3.1824404715458045E-5</v>
          </cell>
          <cell r="P1120">
            <v>3.1824404715458045E-5</v>
          </cell>
          <cell r="Q1120">
            <v>3.1824404715458045E-5</v>
          </cell>
          <cell r="R1120">
            <v>3.1824404715458045E-5</v>
          </cell>
          <cell r="S1120">
            <v>3.1824404715458045E-5</v>
          </cell>
          <cell r="T1120">
            <v>3.1824404715458045E-5</v>
          </cell>
          <cell r="U1120">
            <v>3.1824404715458045E-5</v>
          </cell>
          <cell r="V1120">
            <v>3.1824404715458045E-5</v>
          </cell>
          <cell r="W1120">
            <v>3.1824404715458045E-5</v>
          </cell>
        </row>
        <row r="1121">
          <cell r="A1121" t="str">
            <v>PMI_gemme_%</v>
          </cell>
          <cell r="G1121">
            <v>0</v>
          </cell>
          <cell r="H1121">
            <v>0</v>
          </cell>
          <cell r="I1121">
            <v>0</v>
          </cell>
          <cell r="J1121">
            <v>0</v>
          </cell>
          <cell r="K1121">
            <v>0</v>
          </cell>
          <cell r="L1121">
            <v>0</v>
          </cell>
          <cell r="M1121">
            <v>0</v>
          </cell>
          <cell r="N1121">
            <v>0</v>
          </cell>
          <cell r="O1121">
            <v>0</v>
          </cell>
          <cell r="P1121">
            <v>0</v>
          </cell>
          <cell r="Q1121">
            <v>0</v>
          </cell>
          <cell r="R1121">
            <v>0</v>
          </cell>
          <cell r="S1121">
            <v>0</v>
          </cell>
          <cell r="T1121">
            <v>0</v>
          </cell>
          <cell r="U1121">
            <v>0</v>
          </cell>
          <cell r="V1121">
            <v>0</v>
          </cell>
          <cell r="W1121">
            <v>0</v>
          </cell>
        </row>
        <row r="1122">
          <cell r="A1122" t="str">
            <v>ENT_gemme_%</v>
          </cell>
          <cell r="G1122">
            <v>0</v>
          </cell>
          <cell r="H1122">
            <v>0</v>
          </cell>
          <cell r="I1122">
            <v>0</v>
          </cell>
          <cell r="J1122">
            <v>0</v>
          </cell>
          <cell r="K1122">
            <v>0</v>
          </cell>
          <cell r="L1122">
            <v>0</v>
          </cell>
          <cell r="M1122">
            <v>0</v>
          </cell>
          <cell r="N1122">
            <v>0</v>
          </cell>
          <cell r="O1122">
            <v>0</v>
          </cell>
          <cell r="P1122">
            <v>0</v>
          </cell>
          <cell r="Q1122">
            <v>0</v>
          </cell>
          <cell r="R1122">
            <v>0</v>
          </cell>
          <cell r="S1122">
            <v>0</v>
          </cell>
          <cell r="T1122">
            <v>0</v>
          </cell>
          <cell r="U1122">
            <v>0</v>
          </cell>
          <cell r="V1122">
            <v>0</v>
          </cell>
          <cell r="W1122">
            <v>0</v>
          </cell>
        </row>
        <row r="1123">
          <cell r="A1123" t="str">
            <v>Cor_gemme_%</v>
          </cell>
          <cell r="G1123">
            <v>0</v>
          </cell>
          <cell r="H1123">
            <v>0</v>
          </cell>
          <cell r="I1123">
            <v>0</v>
          </cell>
          <cell r="J1123">
            <v>0</v>
          </cell>
          <cell r="K1123">
            <v>0</v>
          </cell>
          <cell r="L1123">
            <v>0</v>
          </cell>
          <cell r="M1123">
            <v>0</v>
          </cell>
          <cell r="N1123">
            <v>0</v>
          </cell>
          <cell r="O1123">
            <v>0</v>
          </cell>
          <cell r="P1123">
            <v>0</v>
          </cell>
          <cell r="Q1123">
            <v>0</v>
          </cell>
          <cell r="R1123">
            <v>0</v>
          </cell>
          <cell r="S1123">
            <v>0</v>
          </cell>
          <cell r="T1123">
            <v>0</v>
          </cell>
          <cell r="U1123">
            <v>0</v>
          </cell>
          <cell r="V1123">
            <v>0</v>
          </cell>
          <cell r="W1123">
            <v>0</v>
          </cell>
        </row>
        <row r="1124">
          <cell r="A1124" t="str">
            <v>Gra_gemme_%</v>
          </cell>
          <cell r="G1124">
            <v>0</v>
          </cell>
          <cell r="H1124">
            <v>0</v>
          </cell>
          <cell r="I1124">
            <v>0</v>
          </cell>
          <cell r="J1124">
            <v>0</v>
          </cell>
          <cell r="K1124">
            <v>0</v>
          </cell>
          <cell r="L1124">
            <v>0</v>
          </cell>
          <cell r="M1124">
            <v>0</v>
          </cell>
          <cell r="N1124">
            <v>0</v>
          </cell>
          <cell r="O1124">
            <v>0</v>
          </cell>
          <cell r="P1124">
            <v>0</v>
          </cell>
          <cell r="Q1124">
            <v>0</v>
          </cell>
          <cell r="R1124">
            <v>0</v>
          </cell>
          <cell r="S1124">
            <v>0</v>
          </cell>
          <cell r="T1124">
            <v>0</v>
          </cell>
          <cell r="U1124">
            <v>0</v>
          </cell>
          <cell r="V1124">
            <v>0</v>
          </cell>
          <cell r="W1124">
            <v>0</v>
          </cell>
        </row>
        <row r="1125">
          <cell r="A1125" t="str">
            <v>FEX_gemme_%</v>
          </cell>
          <cell r="G1125">
            <v>0</v>
          </cell>
          <cell r="H1125">
            <v>0</v>
          </cell>
          <cell r="I1125">
            <v>0</v>
          </cell>
          <cell r="J1125">
            <v>0</v>
          </cell>
          <cell r="K1125">
            <v>0</v>
          </cell>
          <cell r="L1125">
            <v>0</v>
          </cell>
          <cell r="M1125">
            <v>0</v>
          </cell>
          <cell r="N1125">
            <v>0</v>
          </cell>
          <cell r="O1125">
            <v>0</v>
          </cell>
          <cell r="P1125">
            <v>0</v>
          </cell>
          <cell r="Q1125">
            <v>0</v>
          </cell>
          <cell r="R1125">
            <v>0</v>
          </cell>
          <cell r="S1125">
            <v>0</v>
          </cell>
          <cell r="T1125">
            <v>0</v>
          </cell>
          <cell r="U1125">
            <v>0</v>
          </cell>
          <cell r="V1125">
            <v>0</v>
          </cell>
          <cell r="W1125">
            <v>0</v>
          </cell>
        </row>
        <row r="1126">
          <cell r="A1126" t="str">
            <v>MCL_gemme_%</v>
          </cell>
          <cell r="G1126">
            <v>0</v>
          </cell>
          <cell r="H1126">
            <v>0</v>
          </cell>
          <cell r="I1126">
            <v>0</v>
          </cell>
          <cell r="J1126">
            <v>0</v>
          </cell>
          <cell r="K1126">
            <v>0</v>
          </cell>
          <cell r="L1126">
            <v>0</v>
          </cell>
          <cell r="M1126">
            <v>0</v>
          </cell>
          <cell r="N1126">
            <v>0</v>
          </cell>
          <cell r="O1126">
            <v>0</v>
          </cell>
          <cell r="P1126">
            <v>0</v>
          </cell>
          <cell r="Q1126">
            <v>0</v>
          </cell>
          <cell r="R1126">
            <v>0</v>
          </cell>
          <cell r="S1126">
            <v>0</v>
          </cell>
          <cell r="T1126">
            <v>0</v>
          </cell>
          <cell r="U1126">
            <v>0</v>
          </cell>
          <cell r="V1126">
            <v>0</v>
          </cell>
          <cell r="W1126">
            <v>0</v>
          </cell>
        </row>
        <row r="1127">
          <cell r="A1127" t="str">
            <v>MCG_gemme_%</v>
          </cell>
          <cell r="G1127">
            <v>0</v>
          </cell>
          <cell r="H1127">
            <v>0</v>
          </cell>
          <cell r="I1127">
            <v>0</v>
          </cell>
          <cell r="J1127">
            <v>0</v>
          </cell>
          <cell r="K1127">
            <v>0</v>
          </cell>
          <cell r="L1127">
            <v>0</v>
          </cell>
          <cell r="M1127">
            <v>0</v>
          </cell>
          <cell r="N1127">
            <v>0</v>
          </cell>
          <cell r="O1127">
            <v>0</v>
          </cell>
          <cell r="P1127">
            <v>0</v>
          </cell>
          <cell r="Q1127">
            <v>0</v>
          </cell>
          <cell r="R1127">
            <v>0</v>
          </cell>
          <cell r="S1127">
            <v>0</v>
          </cell>
          <cell r="T1127">
            <v>0</v>
          </cell>
          <cell r="U1127">
            <v>0</v>
          </cell>
          <cell r="V1127">
            <v>0</v>
          </cell>
          <cell r="W1127">
            <v>0</v>
          </cell>
        </row>
        <row r="1128">
          <cell r="A1128" t="str">
            <v>MLE_gemme_%</v>
          </cell>
          <cell r="G1128">
            <v>0</v>
          </cell>
          <cell r="H1128">
            <v>0</v>
          </cell>
          <cell r="I1128">
            <v>0</v>
          </cell>
          <cell r="J1128">
            <v>0</v>
          </cell>
          <cell r="K1128">
            <v>0</v>
          </cell>
          <cell r="L1128">
            <v>0</v>
          </cell>
          <cell r="M1128">
            <v>0</v>
          </cell>
          <cell r="N1128">
            <v>0</v>
          </cell>
          <cell r="O1128">
            <v>0</v>
          </cell>
          <cell r="P1128">
            <v>0</v>
          </cell>
          <cell r="Q1128">
            <v>0</v>
          </cell>
          <cell r="R1128">
            <v>0</v>
          </cell>
          <cell r="S1128">
            <v>0</v>
          </cell>
          <cell r="T1128">
            <v>0</v>
          </cell>
          <cell r="U1128">
            <v>0</v>
          </cell>
          <cell r="V1128">
            <v>0</v>
          </cell>
          <cell r="W1128">
            <v>0</v>
          </cell>
        </row>
        <row r="1129">
          <cell r="A1129" t="str">
            <v>MFA_gemme_%</v>
          </cell>
          <cell r="G1129">
            <v>0</v>
          </cell>
          <cell r="H1129">
            <v>0</v>
          </cell>
          <cell r="I1129">
            <v>0</v>
          </cell>
          <cell r="J1129">
            <v>0</v>
          </cell>
          <cell r="K1129">
            <v>0</v>
          </cell>
          <cell r="L1129">
            <v>0</v>
          </cell>
          <cell r="M1129">
            <v>0</v>
          </cell>
          <cell r="N1129">
            <v>0</v>
          </cell>
          <cell r="O1129">
            <v>0</v>
          </cell>
          <cell r="P1129">
            <v>0</v>
          </cell>
          <cell r="Q1129">
            <v>0</v>
          </cell>
          <cell r="R1129">
            <v>0</v>
          </cell>
          <cell r="S1129">
            <v>0</v>
          </cell>
          <cell r="T1129">
            <v>0</v>
          </cell>
          <cell r="U1129">
            <v>0</v>
          </cell>
          <cell r="V1129">
            <v>0</v>
          </cell>
          <cell r="W1129">
            <v>0</v>
          </cell>
        </row>
        <row r="1130">
          <cell r="A1130" t="str">
            <v>MBQ_gemme_%</v>
          </cell>
          <cell r="G1130">
            <v>0</v>
          </cell>
          <cell r="H1130">
            <v>0</v>
          </cell>
          <cell r="I1130">
            <v>0</v>
          </cell>
          <cell r="J1130">
            <v>0</v>
          </cell>
          <cell r="K1130">
            <v>0</v>
          </cell>
          <cell r="L1130">
            <v>0</v>
          </cell>
          <cell r="M1130">
            <v>0</v>
          </cell>
          <cell r="N1130">
            <v>0</v>
          </cell>
          <cell r="O1130">
            <v>0</v>
          </cell>
          <cell r="P1130">
            <v>0</v>
          </cell>
          <cell r="Q1130">
            <v>0</v>
          </cell>
          <cell r="R1130">
            <v>0</v>
          </cell>
          <cell r="S1130">
            <v>0</v>
          </cell>
          <cell r="T1130">
            <v>0</v>
          </cell>
          <cell r="U1130">
            <v>0</v>
          </cell>
          <cell r="V1130">
            <v>0</v>
          </cell>
          <cell r="W1130">
            <v>0</v>
          </cell>
        </row>
        <row r="1131">
          <cell r="A1131" t="str">
            <v>MBG_gemme_%</v>
          </cell>
          <cell r="G1131">
            <v>0</v>
          </cell>
          <cell r="H1131">
            <v>0</v>
          </cell>
          <cell r="I1131">
            <v>0</v>
          </cell>
          <cell r="J1131">
            <v>0</v>
          </cell>
          <cell r="K1131">
            <v>0</v>
          </cell>
          <cell r="L1131">
            <v>0</v>
          </cell>
          <cell r="M1131">
            <v>0</v>
          </cell>
          <cell r="N1131">
            <v>0</v>
          </cell>
          <cell r="O1131">
            <v>0</v>
          </cell>
          <cell r="P1131">
            <v>0</v>
          </cell>
          <cell r="Q1131">
            <v>0</v>
          </cell>
          <cell r="R1131">
            <v>0</v>
          </cell>
          <cell r="S1131">
            <v>0</v>
          </cell>
          <cell r="T1131">
            <v>0</v>
          </cell>
          <cell r="U1131">
            <v>0</v>
          </cell>
          <cell r="V1131">
            <v>0</v>
          </cell>
          <cell r="W1131">
            <v>0</v>
          </cell>
        </row>
        <row r="1132">
          <cell r="A1132" t="str">
            <v>WID_gemme_%</v>
          </cell>
          <cell r="G1132">
            <v>0</v>
          </cell>
          <cell r="H1132">
            <v>0</v>
          </cell>
          <cell r="I1132">
            <v>0</v>
          </cell>
          <cell r="J1132">
            <v>0</v>
          </cell>
          <cell r="K1132">
            <v>0</v>
          </cell>
          <cell r="L1132">
            <v>0</v>
          </cell>
          <cell r="M1132">
            <v>0</v>
          </cell>
          <cell r="N1132">
            <v>0</v>
          </cell>
          <cell r="O1132">
            <v>0</v>
          </cell>
          <cell r="P1132">
            <v>0</v>
          </cell>
          <cell r="Q1132">
            <v>0</v>
          </cell>
          <cell r="R1132">
            <v>0</v>
          </cell>
          <cell r="S1132">
            <v>0</v>
          </cell>
          <cell r="T1132">
            <v>0</v>
          </cell>
          <cell r="U1132">
            <v>0</v>
          </cell>
          <cell r="V1132">
            <v>0</v>
          </cell>
          <cell r="W1132">
            <v>0</v>
          </cell>
        </row>
        <row r="1133">
          <cell r="A1133" t="str">
            <v>FIN_gemme_%</v>
          </cell>
          <cell r="G1133">
            <v>0</v>
          </cell>
          <cell r="H1133">
            <v>0</v>
          </cell>
          <cell r="I1133">
            <v>0</v>
          </cell>
          <cell r="J1133">
            <v>0</v>
          </cell>
          <cell r="K1133">
            <v>0</v>
          </cell>
          <cell r="L1133">
            <v>0</v>
          </cell>
          <cell r="M1133">
            <v>0</v>
          </cell>
          <cell r="N1133">
            <v>0</v>
          </cell>
          <cell r="O1133">
            <v>0</v>
          </cell>
          <cell r="P1133">
            <v>0</v>
          </cell>
          <cell r="Q1133">
            <v>0</v>
          </cell>
          <cell r="R1133">
            <v>0</v>
          </cell>
          <cell r="S1133">
            <v>0</v>
          </cell>
          <cell r="T1133">
            <v>0</v>
          </cell>
          <cell r="U1133">
            <v>0</v>
          </cell>
          <cell r="V1133">
            <v>0</v>
          </cell>
          <cell r="W1133">
            <v>0</v>
          </cell>
        </row>
        <row r="1134">
          <cell r="A1134" t="str">
            <v>ALM_gemme_%</v>
          </cell>
          <cell r="G1134">
            <v>0</v>
          </cell>
          <cell r="H1134">
            <v>0</v>
          </cell>
          <cell r="I1134">
            <v>0</v>
          </cell>
          <cell r="J1134">
            <v>0</v>
          </cell>
          <cell r="K1134">
            <v>0</v>
          </cell>
          <cell r="L1134">
            <v>0</v>
          </cell>
          <cell r="M1134">
            <v>0</v>
          </cell>
          <cell r="N1134">
            <v>0</v>
          </cell>
          <cell r="O1134">
            <v>0</v>
          </cell>
          <cell r="P1134">
            <v>0</v>
          </cell>
          <cell r="Q1134">
            <v>0</v>
          </cell>
          <cell r="R1134">
            <v>0</v>
          </cell>
          <cell r="S1134">
            <v>0</v>
          </cell>
          <cell r="T1134">
            <v>0</v>
          </cell>
          <cell r="U1134">
            <v>0</v>
          </cell>
          <cell r="V1134">
            <v>0</v>
          </cell>
          <cell r="W1134">
            <v>0</v>
          </cell>
        </row>
        <row r="1135">
          <cell r="A1135" t="str">
            <v>FUO_gemme_%</v>
          </cell>
          <cell r="G1135">
            <v>0</v>
          </cell>
          <cell r="H1135">
            <v>0</v>
          </cell>
          <cell r="I1135">
            <v>0</v>
          </cell>
          <cell r="J1135">
            <v>0</v>
          </cell>
          <cell r="K1135">
            <v>0</v>
          </cell>
          <cell r="L1135">
            <v>0</v>
          </cell>
          <cell r="M1135">
            <v>0</v>
          </cell>
          <cell r="N1135">
            <v>0</v>
          </cell>
          <cell r="O1135">
            <v>0</v>
          </cell>
          <cell r="P1135">
            <v>0</v>
          </cell>
          <cell r="Q1135">
            <v>0</v>
          </cell>
          <cell r="R1135">
            <v>0</v>
          </cell>
          <cell r="S1135">
            <v>0</v>
          </cell>
          <cell r="T1135">
            <v>0</v>
          </cell>
          <cell r="U1135">
            <v>0</v>
          </cell>
          <cell r="V1135">
            <v>0</v>
          </cell>
          <cell r="W1135">
            <v>0</v>
          </cell>
        </row>
        <row r="1136">
          <cell r="A1136" t="str">
            <v>XXX_gemme_%</v>
          </cell>
          <cell r="G1136">
            <v>0</v>
          </cell>
          <cell r="H1136">
            <v>0</v>
          </cell>
          <cell r="I1136">
            <v>0</v>
          </cell>
          <cell r="J1136">
            <v>0</v>
          </cell>
          <cell r="K1136">
            <v>0</v>
          </cell>
          <cell r="L1136">
            <v>0</v>
          </cell>
          <cell r="M1136">
            <v>0</v>
          </cell>
          <cell r="N1136">
            <v>0</v>
          </cell>
          <cell r="O1136">
            <v>0</v>
          </cell>
          <cell r="P1136">
            <v>0</v>
          </cell>
          <cell r="Q1136">
            <v>0</v>
          </cell>
          <cell r="R1136">
            <v>0</v>
          </cell>
          <cell r="S1136">
            <v>0</v>
          </cell>
          <cell r="T1136">
            <v>0</v>
          </cell>
          <cell r="U1136">
            <v>0</v>
          </cell>
          <cell r="V1136">
            <v>0</v>
          </cell>
          <cell r="W1136">
            <v>0</v>
          </cell>
        </row>
        <row r="1138">
          <cell r="G1138">
            <v>0</v>
          </cell>
          <cell r="H1138">
            <v>0</v>
          </cell>
          <cell r="I1138">
            <v>0</v>
          </cell>
          <cell r="J1138">
            <v>0</v>
          </cell>
          <cell r="K1138">
            <v>0</v>
          </cell>
          <cell r="L1138">
            <v>0</v>
          </cell>
          <cell r="M1138">
            <v>0</v>
          </cell>
          <cell r="N1138">
            <v>0</v>
          </cell>
          <cell r="O1138">
            <v>0</v>
          </cell>
          <cell r="P1138">
            <v>0</v>
          </cell>
          <cell r="Q1138">
            <v>0</v>
          </cell>
          <cell r="R1138">
            <v>0</v>
          </cell>
          <cell r="S1138">
            <v>0</v>
          </cell>
          <cell r="T1138">
            <v>0</v>
          </cell>
          <cell r="U1138">
            <v>0</v>
          </cell>
          <cell r="V1138">
            <v>0</v>
          </cell>
          <cell r="W1138">
            <v>0</v>
          </cell>
        </row>
        <row r="1139">
          <cell r="A1139" t="str">
            <v>WID_pf_%</v>
          </cell>
          <cell r="G1139">
            <v>-4.5867436320633321E-3</v>
          </cell>
          <cell r="H1139">
            <v>-3.0902494214673122E-3</v>
          </cell>
          <cell r="I1139">
            <v>-3.8384965267653222E-3</v>
          </cell>
          <cell r="J1139">
            <v>-3.8384965267653222E-3</v>
          </cell>
          <cell r="K1139">
            <v>-3.8384965267653222E-3</v>
          </cell>
          <cell r="L1139">
            <v>-3.8384965267653222E-3</v>
          </cell>
          <cell r="M1139">
            <v>-3.8384965267653222E-3</v>
          </cell>
          <cell r="N1139">
            <v>-3.8384965267653222E-3</v>
          </cell>
          <cell r="O1139">
            <v>-3.8384965267653222E-3</v>
          </cell>
          <cell r="P1139">
            <v>-3.8384965267653222E-3</v>
          </cell>
          <cell r="Q1139">
            <v>-3.8384965267653222E-3</v>
          </cell>
          <cell r="R1139">
            <v>-3.8384965267653222E-3</v>
          </cell>
          <cell r="S1139">
            <v>-3.8384965267653222E-3</v>
          </cell>
          <cell r="T1139">
            <v>-3.8384965267653222E-3</v>
          </cell>
          <cell r="U1139">
            <v>-3.8384965267653222E-3</v>
          </cell>
          <cell r="V1139">
            <v>-3.8384965267653222E-3</v>
          </cell>
          <cell r="W1139">
            <v>-3.8384965267653222E-3</v>
          </cell>
        </row>
        <row r="1140">
          <cell r="G1140">
            <v>0</v>
          </cell>
          <cell r="H1140">
            <v>0</v>
          </cell>
          <cell r="I1140">
            <v>0</v>
          </cell>
          <cell r="J1140">
            <v>0</v>
          </cell>
          <cell r="K1140">
            <v>0</v>
          </cell>
          <cell r="L1140">
            <v>0</v>
          </cell>
          <cell r="M1140">
            <v>0</v>
          </cell>
          <cell r="N1140">
            <v>0</v>
          </cell>
          <cell r="O1140">
            <v>0</v>
          </cell>
          <cell r="P1140">
            <v>0</v>
          </cell>
          <cell r="Q1140">
            <v>0</v>
          </cell>
          <cell r="R1140">
            <v>0</v>
          </cell>
          <cell r="S1140">
            <v>0</v>
          </cell>
          <cell r="T1140">
            <v>0</v>
          </cell>
          <cell r="U1140">
            <v>0</v>
          </cell>
          <cell r="V1140">
            <v>0</v>
          </cell>
          <cell r="W1140">
            <v>0</v>
          </cell>
        </row>
        <row r="1141">
          <cell r="G1141">
            <v>0</v>
          </cell>
          <cell r="H1141">
            <v>0</v>
          </cell>
          <cell r="I1141">
            <v>0</v>
          </cell>
          <cell r="J1141">
            <v>0</v>
          </cell>
          <cell r="K1141">
            <v>0</v>
          </cell>
          <cell r="L1141">
            <v>0</v>
          </cell>
          <cell r="M1141">
            <v>0</v>
          </cell>
          <cell r="N1141">
            <v>0</v>
          </cell>
          <cell r="O1141">
            <v>0</v>
          </cell>
          <cell r="P1141">
            <v>0</v>
          </cell>
          <cell r="Q1141">
            <v>0</v>
          </cell>
          <cell r="R1141">
            <v>0</v>
          </cell>
          <cell r="S1141">
            <v>0</v>
          </cell>
          <cell r="T1141">
            <v>0</v>
          </cell>
          <cell r="U1141">
            <v>0</v>
          </cell>
          <cell r="V1141">
            <v>0</v>
          </cell>
          <cell r="W1141">
            <v>0</v>
          </cell>
        </row>
        <row r="1142">
          <cell r="G1142">
            <v>0</v>
          </cell>
          <cell r="H1142">
            <v>0</v>
          </cell>
          <cell r="I1142">
            <v>0</v>
          </cell>
          <cell r="J1142">
            <v>0</v>
          </cell>
          <cell r="K1142">
            <v>0</v>
          </cell>
          <cell r="L1142">
            <v>0</v>
          </cell>
          <cell r="M1142">
            <v>0</v>
          </cell>
          <cell r="N1142">
            <v>0</v>
          </cell>
          <cell r="O1142">
            <v>0</v>
          </cell>
          <cell r="P1142">
            <v>0</v>
          </cell>
          <cell r="Q1142">
            <v>0</v>
          </cell>
          <cell r="R1142">
            <v>0</v>
          </cell>
          <cell r="S1142">
            <v>0</v>
          </cell>
          <cell r="T1142">
            <v>0</v>
          </cell>
          <cell r="U1142">
            <v>0</v>
          </cell>
          <cell r="V1142">
            <v>0</v>
          </cell>
          <cell r="W1142">
            <v>0</v>
          </cell>
        </row>
        <row r="1143">
          <cell r="G1143">
            <v>0</v>
          </cell>
          <cell r="H1143">
            <v>0</v>
          </cell>
          <cell r="I1143">
            <v>0</v>
          </cell>
          <cell r="J1143">
            <v>0</v>
          </cell>
          <cell r="K1143">
            <v>0</v>
          </cell>
          <cell r="L1143">
            <v>0</v>
          </cell>
          <cell r="M1143">
            <v>0</v>
          </cell>
          <cell r="N1143">
            <v>0</v>
          </cell>
          <cell r="O1143">
            <v>0</v>
          </cell>
          <cell r="P1143">
            <v>0</v>
          </cell>
          <cell r="Q1143">
            <v>0</v>
          </cell>
          <cell r="R1143">
            <v>0</v>
          </cell>
          <cell r="S1143">
            <v>0</v>
          </cell>
          <cell r="T1143">
            <v>0</v>
          </cell>
          <cell r="U1143">
            <v>0</v>
          </cell>
          <cell r="V1143">
            <v>0</v>
          </cell>
          <cell r="W1143">
            <v>0</v>
          </cell>
        </row>
        <row r="1144">
          <cell r="G1144">
            <v>0</v>
          </cell>
          <cell r="H1144">
            <v>0</v>
          </cell>
          <cell r="I1144">
            <v>0</v>
          </cell>
          <cell r="J1144">
            <v>0</v>
          </cell>
          <cell r="K1144">
            <v>0</v>
          </cell>
          <cell r="L1144">
            <v>0</v>
          </cell>
          <cell r="M1144">
            <v>0</v>
          </cell>
          <cell r="N1144">
            <v>0</v>
          </cell>
          <cell r="O1144">
            <v>0</v>
          </cell>
          <cell r="P1144">
            <v>0</v>
          </cell>
          <cell r="Q1144">
            <v>0</v>
          </cell>
          <cell r="R1144">
            <v>0</v>
          </cell>
          <cell r="S1144">
            <v>0</v>
          </cell>
          <cell r="T1144">
            <v>0</v>
          </cell>
          <cell r="U1144">
            <v>0</v>
          </cell>
          <cell r="V1144">
            <v>0</v>
          </cell>
          <cell r="W1144">
            <v>0</v>
          </cell>
        </row>
      </sheetData>
      <sheetData sheetId="10"/>
      <sheetData sheetId="11"/>
      <sheetData sheetId="12"/>
      <sheetData sheetId="13"/>
      <sheetData sheetId="14"/>
      <sheetData sheetId="15"/>
      <sheetData sheetId="16"/>
      <sheetData sheetId="17"/>
      <sheetData sheetId="1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IVER"/>
      <sheetName val="Avvio"/>
      <sheetName val="110b"/>
      <sheetName val="INPUT_MAN"/>
      <sheetName val="schebil_SP"/>
      <sheetName val="schebil_Eco"/>
      <sheetName val="schebil_EcoM"/>
      <sheetName val="input eco"/>
      <sheetName val="SAP"/>
      <sheetName val="MI_dett"/>
      <sheetName val="canoneDTA"/>
      <sheetName val="Bolli"/>
      <sheetName val="Oneri Ristrutt"/>
      <sheetName val="AltroECO"/>
      <sheetName val="Indici"/>
      <sheetName val="attivo-arr "/>
      <sheetName val="pas-arr"/>
      <sheetName val="eco-arr"/>
      <sheetName val="Redd Compl NEW"/>
      <sheetName val="netto"/>
      <sheetName val="nettoT-1"/>
      <sheetName val="Rendiconto HFM"/>
      <sheetName val="attivo-arr  FTA IFRS 17"/>
      <sheetName val="pas-arr FTA IFRS 17"/>
      <sheetName val="eco-arr FTA IFRS 17"/>
      <sheetName val="piano2021_2025"/>
      <sheetName val="parteA consolid "/>
      <sheetName val="Gruppo FIN"/>
      <sheetName val="scenari"/>
      <sheetName val="A4.4.a"/>
      <sheetName val="pEA.1.5a"/>
      <sheetName val="Covid"/>
      <sheetName val="ECO"/>
      <sheetName val="Grafico"/>
      <sheetName val="ECOM"/>
      <sheetName val="Comm"/>
      <sheetName val="dettagliECOM"/>
      <sheetName val="ECO trim"/>
      <sheetName val="MIm"/>
      <sheetName val="M.I."/>
      <sheetName val="ComNet"/>
      <sheetName val="110"/>
      <sheetName val="C4"/>
      <sheetName val="oneri_oper"/>
      <sheetName val="C8"/>
      <sheetName val="C6"/>
      <sheetName val="C7.2"/>
      <sheetName val="Racc_PN"/>
      <sheetName val="SP"/>
      <sheetName val="SP trim"/>
      <sheetName val="RacComplessiva"/>
      <sheetName val="RacDir"/>
      <sheetName val="RacIndiretta"/>
      <sheetName val="CreditiCli4.2"/>
      <sheetName val="pEA.1.4"/>
      <sheetName val="stage"/>
      <sheetName val="pEA.1.5"/>
      <sheetName val="pEA.1.5_ENG"/>
      <sheetName val="variaz"/>
      <sheetName val="E A.1.2"/>
      <sheetName val="dinamica"/>
      <sheetName val="E A.1.7"/>
      <sheetName val="E A.1.9"/>
      <sheetName val="Str.fina1.2v2"/>
      <sheetName val="SbilInterbancario"/>
      <sheetName val="A.4.5.1"/>
      <sheetName val="A.4.5.2"/>
      <sheetName val="A.4.5.3"/>
      <sheetName val="A.4.1a new"/>
      <sheetName val="A.4.1anewV"/>
      <sheetName val="A.4.1b new"/>
      <sheetName val="A.4.1bnewV"/>
      <sheetName val="A.4.5.4"/>
      <sheetName val="Patrimonio Netto"/>
      <sheetName val="RIEPILOGO"/>
      <sheetName val="F B2.3"/>
      <sheetName val="Rischio sovrano "/>
      <sheetName val="IBORr2"/>
      <sheetName val="IBOR_eng"/>
      <sheetName val="H1"/>
      <sheetName val="H2ab"/>
      <sheetName val="A2.1"/>
      <sheetName val="A2.3"/>
      <sheetName val="A2.5"/>
      <sheetName val="A3.1"/>
      <sheetName val="A4.4"/>
      <sheetName val="A5.1"/>
      <sheetName val="A9.3"/>
      <sheetName val="A9.4"/>
      <sheetName val="A12.1"/>
      <sheetName val="P2.1"/>
      <sheetName val="P3.1"/>
      <sheetName val="P4.1"/>
      <sheetName val="pet_fond"/>
      <sheetName val="C12"/>
      <sheetName val="C12_5"/>
      <sheetName val="C14"/>
      <sheetName val="C15"/>
      <sheetName val="Calcolo ROE-ROTE"/>
      <sheetName val="Riconcil_CE_ac"/>
      <sheetName val="Riconcil_CE_ap"/>
      <sheetName val="Riconcil_CE_ac_ENG"/>
      <sheetName val="Riconcil_CE_AP_ENG"/>
      <sheetName val="Riconcil_SP_att_ac"/>
      <sheetName val="Riconcil_SP_pass_ac"/>
      <sheetName val="Riconcil_SP_att_ac_ENG"/>
      <sheetName val="Riconcil_SP_pass_ac_ENG"/>
      <sheetName val="Riconcil_SP_att_ap"/>
      <sheetName val="Riconcil_SP_pass_ap"/>
      <sheetName val="Riconcil_SP_att_ap_ENG"/>
      <sheetName val="Riconcil_SP_pass_ap_ENG"/>
    </sheetNames>
    <sheetDataSet>
      <sheetData sheetId="0" refreshError="1"/>
      <sheetData sheetId="1">
        <row r="2">
          <cell r="B2">
            <v>45016</v>
          </cell>
        </row>
        <row r="14">
          <cell r="B14">
            <v>45016</v>
          </cell>
        </row>
        <row r="18">
          <cell r="B18">
            <v>4465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Name val="schemi"/>
      <sheetName val="AT1"/>
      <sheetName val="PA1"/>
      <sheetName val="GI1"/>
      <sheetName val="EC1"/>
      <sheetName val="raffronto"/>
      <sheetName val="AT2"/>
      <sheetName val="PA2"/>
      <sheetName val="GI2"/>
      <sheetName val="EC2"/>
      <sheetName val="AT3"/>
      <sheetName val="PA3"/>
      <sheetName val="GI3"/>
      <sheetName val="EC3"/>
      <sheetName val="nota"/>
      <sheetName val="premessa"/>
      <sheetName val="A"/>
      <sheetName val="criteri"/>
      <sheetName val="B"/>
      <sheetName val="S1"/>
      <sheetName val="S1 (2)"/>
      <sheetName val="S1 (3)"/>
      <sheetName val="S1 (4)"/>
      <sheetName val="S2"/>
      <sheetName val="S3"/>
      <sheetName val="S3(2)"/>
      <sheetName val="S3(3)"/>
      <sheetName val="S4"/>
      <sheetName val="S5"/>
      <sheetName val="S6"/>
      <sheetName val="S7"/>
      <sheetName val="S8"/>
      <sheetName val="P18 bis"/>
      <sheetName val="S9"/>
      <sheetName val="S10"/>
      <sheetName val="S11"/>
      <sheetName val="tempatt"/>
      <sheetName val="tempas"/>
      <sheetName val="S11 (2)"/>
      <sheetName val="21"/>
      <sheetName val="21b"/>
      <sheetName val="S12"/>
      <sheetName val="C"/>
      <sheetName val="E1"/>
      <sheetName val="E2"/>
      <sheetName val="E3"/>
      <sheetName val="E4"/>
      <sheetName val="E5"/>
      <sheetName val="E6"/>
      <sheetName val="E7"/>
      <sheetName val="D"/>
      <sheetName val="D1"/>
      <sheetName val="D1b"/>
      <sheetName val="D1c"/>
      <sheetName val="D2"/>
      <sheetName val="PR"/>
      <sheetName val="All"/>
      <sheetName val="RF"/>
      <sheetName val="patrimonio"/>
      <sheetName val="partecipazioni"/>
      <sheetName val="immobili"/>
      <sheetName val="rilevanti"/>
      <sheetName val="legenda"/>
      <sheetName val="raffronto_old"/>
      <sheetName val="AT2old"/>
      <sheetName val="PA2old"/>
      <sheetName val="GI2old"/>
      <sheetName val="EC2old"/>
      <sheetName val="Foglio1"/>
      <sheetName val="Foglio2"/>
      <sheetName val="Foglio1 (2)"/>
      <sheetName val="Foglio2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sheetData sheetId="70" refreshError="1"/>
      <sheetData sheetId="71" refreshError="1"/>
      <sheetData sheetId="72" refreshError="1"/>
    </sheetDataSet>
  </externalBook>
</externalLink>
</file>

<file path=xl/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76CA5F2-666A-4350-A300-B0204BE52375}">
  <sheetPr>
    <tabColor rgb="FFFF66FF"/>
    <pageSetUpPr fitToPage="1"/>
  </sheetPr>
  <dimension ref="A2:E52"/>
  <sheetViews>
    <sheetView showGridLines="0" zoomScale="120" zoomScaleNormal="120" workbookViewId="0">
      <selection activeCell="E28" sqref="E28"/>
    </sheetView>
  </sheetViews>
  <sheetFormatPr defaultColWidth="9.28515625" defaultRowHeight="11.25"/>
  <cols>
    <col min="1" max="1" width="1.85546875" style="7" customWidth="1"/>
    <col min="2" max="2" width="48.7109375" style="70" customWidth="1"/>
    <col min="3" max="3" width="11.7109375" style="69" customWidth="1"/>
    <col min="4" max="4" width="11.7109375" style="44" customWidth="1"/>
    <col min="5" max="5" width="6.7109375" style="233" customWidth="1"/>
    <col min="6" max="16384" width="9.28515625" style="10"/>
  </cols>
  <sheetData>
    <row r="2" spans="1:5" s="2" customFormat="1" ht="15.75" customHeight="1">
      <c r="A2" s="1"/>
      <c r="B2" s="235" t="s">
        <v>0</v>
      </c>
      <c r="C2" s="236"/>
      <c r="D2" s="236"/>
      <c r="E2" s="236"/>
    </row>
    <row r="3" spans="1:5" s="2" customFormat="1" ht="15.75" customHeight="1">
      <c r="A3" s="1"/>
      <c r="B3" s="237" t="s">
        <v>1</v>
      </c>
      <c r="C3" s="238"/>
      <c r="D3" s="238"/>
      <c r="E3" s="238"/>
    </row>
    <row r="4" spans="1:5" ht="14.25" customHeight="1">
      <c r="B4" s="8" t="s">
        <v>2</v>
      </c>
      <c r="C4" s="9">
        <v>44651</v>
      </c>
      <c r="D4" s="9">
        <v>44286</v>
      </c>
      <c r="E4" s="228" t="s">
        <v>3</v>
      </c>
    </row>
    <row r="5" spans="1:5" s="6" customFormat="1" ht="13.5" customHeight="1">
      <c r="B5" s="11" t="s">
        <v>4</v>
      </c>
      <c r="C5" s="12">
        <v>323.10000000000002</v>
      </c>
      <c r="D5" s="12">
        <v>279.60000000000002</v>
      </c>
      <c r="E5" s="13">
        <v>0.156</v>
      </c>
    </row>
    <row r="6" spans="1:5" ht="13.5" customHeight="1">
      <c r="B6" s="14" t="s">
        <v>5</v>
      </c>
      <c r="C6" s="15">
        <v>368.9</v>
      </c>
      <c r="D6" s="15">
        <v>372</v>
      </c>
      <c r="E6" s="229">
        <v>-8.0000000000000002E-3</v>
      </c>
    </row>
    <row r="7" spans="1:5" s="6" customFormat="1" ht="13.5" customHeight="1">
      <c r="B7" s="11" t="s">
        <v>6</v>
      </c>
      <c r="C7" s="12">
        <v>94.4</v>
      </c>
      <c r="D7" s="16">
        <v>179.8</v>
      </c>
      <c r="E7" s="13">
        <v>-0.47499999999999998</v>
      </c>
    </row>
    <row r="8" spans="1:5" ht="13.5" customHeight="1">
      <c r="B8" s="14" t="s">
        <v>7</v>
      </c>
      <c r="C8" s="15">
        <v>-3.2</v>
      </c>
      <c r="D8" s="17">
        <v>-10.7</v>
      </c>
      <c r="E8" s="229">
        <v>-0.69699999999999995</v>
      </c>
    </row>
    <row r="9" spans="1:5" s="6" customFormat="1" ht="13.5" customHeight="1">
      <c r="B9" s="11" t="s">
        <v>8</v>
      </c>
      <c r="C9" s="12">
        <v>783.2</v>
      </c>
      <c r="D9" s="12">
        <v>820.7</v>
      </c>
      <c r="E9" s="13">
        <v>-4.5999999999999999E-2</v>
      </c>
    </row>
    <row r="10" spans="1:5" ht="13.5" customHeight="1">
      <c r="B10" s="18" t="s">
        <v>9</v>
      </c>
      <c r="C10" s="17">
        <v>-535.29999999999995</v>
      </c>
      <c r="D10" s="17">
        <v>-540.4</v>
      </c>
      <c r="E10" s="229">
        <v>-8.9999999999999993E-3</v>
      </c>
    </row>
    <row r="11" spans="1:5" s="7" customFormat="1" ht="13.5" customHeight="1">
      <c r="B11" s="20" t="s">
        <v>10</v>
      </c>
      <c r="C11" s="21">
        <v>-111.3</v>
      </c>
      <c r="D11" s="21">
        <v>-73.900000000000006</v>
      </c>
      <c r="E11" s="13">
        <v>0.505</v>
      </c>
    </row>
    <row r="12" spans="1:5" s="7" customFormat="1" ht="13.5" customHeight="1">
      <c r="B12" s="18" t="s">
        <v>11</v>
      </c>
      <c r="C12" s="17">
        <v>-0.4</v>
      </c>
      <c r="D12" s="17">
        <v>-3.7</v>
      </c>
      <c r="E12" s="229">
        <v>-0.89200000000000002</v>
      </c>
    </row>
    <row r="13" spans="1:5" s="6" customFormat="1" ht="13.5" customHeight="1">
      <c r="B13" s="11" t="s">
        <v>12</v>
      </c>
      <c r="C13" s="12">
        <v>136.19999999999999</v>
      </c>
      <c r="D13" s="12">
        <v>202.7</v>
      </c>
      <c r="E13" s="13">
        <v>-0.32800000000000001</v>
      </c>
    </row>
    <row r="14" spans="1:5" ht="13.5" customHeight="1">
      <c r="B14" s="18" t="s">
        <v>13</v>
      </c>
      <c r="C14" s="17">
        <v>-131.19999999999999</v>
      </c>
      <c r="D14" s="17">
        <v>-88.7</v>
      </c>
      <c r="E14" s="229">
        <v>0.47899999999999998</v>
      </c>
    </row>
    <row r="15" spans="1:5" s="6" customFormat="1" ht="13.5" customHeight="1">
      <c r="B15" s="24" t="s">
        <v>14</v>
      </c>
      <c r="C15" s="25">
        <v>9.6999999999999993</v>
      </c>
      <c r="D15" s="25">
        <v>119.3</v>
      </c>
      <c r="E15" s="13">
        <v>-0.91900000000000004</v>
      </c>
    </row>
    <row r="16" spans="1:5" ht="13.5" customHeight="1">
      <c r="B16" s="3" t="s">
        <v>15</v>
      </c>
      <c r="C16" s="4">
        <v>44651</v>
      </c>
      <c r="D16" s="4">
        <v>44286</v>
      </c>
      <c r="E16" s="230" t="s">
        <v>3</v>
      </c>
    </row>
    <row r="17" spans="2:5" ht="13.5" customHeight="1">
      <c r="B17" s="27" t="s">
        <v>16</v>
      </c>
      <c r="C17" s="28">
        <v>9.7043380606443297E-3</v>
      </c>
      <c r="D17" s="28">
        <v>0.123212184279152</v>
      </c>
      <c r="E17" s="13">
        <v>-0.92123881158816256</v>
      </c>
    </row>
    <row r="18" spans="2:5" ht="13.5" customHeight="1">
      <c r="B18" s="29" t="s">
        <v>17</v>
      </c>
      <c r="C18" s="30">
        <v>9.7043380606443297E-3</v>
      </c>
      <c r="D18" s="30">
        <v>0.123212184279152</v>
      </c>
      <c r="E18" s="229">
        <v>-0.92123881158816256</v>
      </c>
    </row>
    <row r="19" spans="2:5" ht="13.5" customHeight="1">
      <c r="B19" s="3" t="s">
        <v>18</v>
      </c>
      <c r="C19" s="4">
        <v>44651</v>
      </c>
      <c r="D19" s="4">
        <v>44561</v>
      </c>
      <c r="E19" s="230" t="s">
        <v>3</v>
      </c>
    </row>
    <row r="20" spans="2:5" ht="13.5" customHeight="1">
      <c r="B20" s="31" t="s">
        <v>19</v>
      </c>
      <c r="C20" s="32">
        <v>132009.1</v>
      </c>
      <c r="D20" s="32">
        <v>137868.6</v>
      </c>
      <c r="E20" s="13">
        <v>-4.2999999999999997E-2</v>
      </c>
    </row>
    <row r="21" spans="2:5" ht="13.5" customHeight="1">
      <c r="B21" s="33" t="s">
        <v>20</v>
      </c>
      <c r="C21" s="34">
        <v>79259.7</v>
      </c>
      <c r="D21" s="34">
        <v>79380.3</v>
      </c>
      <c r="E21" s="229">
        <v>-2E-3</v>
      </c>
    </row>
    <row r="22" spans="2:5" ht="13.5" customHeight="1">
      <c r="B22" s="27" t="s">
        <v>21</v>
      </c>
      <c r="C22" s="35">
        <v>84428.2</v>
      </c>
      <c r="D22" s="35">
        <v>90300.3</v>
      </c>
      <c r="E22" s="13">
        <v>-6.5000000000000002E-2</v>
      </c>
    </row>
    <row r="23" spans="2:5" ht="13.5" customHeight="1">
      <c r="B23" s="36" t="s">
        <v>22</v>
      </c>
      <c r="C23" s="37">
        <v>99846.6</v>
      </c>
      <c r="D23" s="37">
        <v>104429.7</v>
      </c>
      <c r="E23" s="229">
        <v>-4.3999999999999997E-2</v>
      </c>
    </row>
    <row r="24" spans="2:5" ht="13.5" customHeight="1">
      <c r="B24" s="27" t="s">
        <v>23</v>
      </c>
      <c r="C24" s="35">
        <v>62785.4</v>
      </c>
      <c r="D24" s="35">
        <v>65285.5</v>
      </c>
      <c r="E24" s="13">
        <v>-3.7999999999999999E-2</v>
      </c>
    </row>
    <row r="25" spans="2:5" ht="13.5" customHeight="1">
      <c r="B25" s="36" t="s">
        <v>24</v>
      </c>
      <c r="C25" s="37">
        <v>37061.1</v>
      </c>
      <c r="D25" s="37">
        <v>39144.199999999997</v>
      </c>
      <c r="E25" s="229">
        <v>-5.2999999999999999E-2</v>
      </c>
    </row>
    <row r="26" spans="2:5" ht="13.5" customHeight="1">
      <c r="B26" s="27" t="s">
        <v>25</v>
      </c>
      <c r="C26" s="35">
        <v>6006.1</v>
      </c>
      <c r="D26" s="35">
        <v>6172.7</v>
      </c>
      <c r="E26" s="13">
        <v>-2.7E-2</v>
      </c>
    </row>
    <row r="27" spans="2:5" ht="13.5" customHeight="1">
      <c r="B27" s="3" t="s">
        <v>26</v>
      </c>
      <c r="C27" s="4">
        <v>44651</v>
      </c>
      <c r="D27" s="4">
        <v>44561</v>
      </c>
      <c r="E27" s="230" t="s">
        <v>3</v>
      </c>
    </row>
    <row r="28" spans="2:5" ht="13.5" customHeight="1">
      <c r="B28" s="40" t="s">
        <v>27</v>
      </c>
      <c r="C28" s="41">
        <v>21183</v>
      </c>
      <c r="D28" s="41">
        <v>21244</v>
      </c>
      <c r="E28" s="234">
        <v>-61</v>
      </c>
    </row>
    <row r="29" spans="2:5" ht="13.5" customHeight="1">
      <c r="B29" s="42" t="s">
        <v>28</v>
      </c>
      <c r="C29" s="43">
        <v>1368</v>
      </c>
      <c r="D29" s="43">
        <v>1368</v>
      </c>
      <c r="E29" s="231" t="s">
        <v>96</v>
      </c>
    </row>
    <row r="30" spans="2:5" ht="13.5" customHeight="1">
      <c r="B30" s="27"/>
      <c r="C30" s="35"/>
      <c r="D30" s="35"/>
      <c r="E30" s="13"/>
    </row>
    <row r="49" spans="5:5">
      <c r="E49" s="232"/>
    </row>
    <row r="52" spans="5:5">
      <c r="E52" s="232"/>
    </row>
  </sheetData>
  <mergeCells count="2">
    <mergeCell ref="B2:E2"/>
    <mergeCell ref="B3:E3"/>
  </mergeCells>
  <pageMargins left="0.78740157480314965" right="0.78740157480314965" top="0.98425196850393704" bottom="0.98425196850393704" header="0.51181102362204722" footer="0.51181102362204722"/>
  <pageSetup paperSize="8" scale="46"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015278-BCCD-4F5E-9CDF-BB6E26E38307}">
  <sheetPr>
    <tabColor rgb="FFFF66FF"/>
    <pageSetUpPr fitToPage="1"/>
  </sheetPr>
  <dimension ref="A1:E41"/>
  <sheetViews>
    <sheetView showGridLines="0" zoomScaleNormal="100" workbookViewId="0">
      <selection activeCell="E18" sqref="E18"/>
    </sheetView>
  </sheetViews>
  <sheetFormatPr defaultColWidth="9.28515625" defaultRowHeight="11.25"/>
  <cols>
    <col min="1" max="1" width="1.85546875" style="10" customWidth="1"/>
    <col min="2" max="2" width="48.7109375" style="70" customWidth="1"/>
    <col min="3" max="3" width="11.7109375" style="69" customWidth="1"/>
    <col min="4" max="4" width="11.7109375" style="44" customWidth="1"/>
    <col min="5" max="5" width="6.7109375" style="44" customWidth="1"/>
    <col min="6" max="16384" width="9.28515625" style="10"/>
  </cols>
  <sheetData>
    <row r="1" spans="1:5" ht="13.5" customHeight="1">
      <c r="A1" s="39"/>
      <c r="B1" s="27"/>
      <c r="C1" s="35"/>
      <c r="D1" s="35"/>
      <c r="E1" s="13"/>
    </row>
    <row r="2" spans="1:5" s="2" customFormat="1" ht="15.75" customHeight="1">
      <c r="A2" s="1"/>
      <c r="B2" s="235" t="s">
        <v>29</v>
      </c>
      <c r="C2" s="235"/>
      <c r="D2" s="235"/>
      <c r="E2" s="235"/>
    </row>
    <row r="3" spans="1:5" s="2" customFormat="1" ht="15.75" customHeight="1">
      <c r="A3" s="1"/>
      <c r="B3" s="240" t="s">
        <v>1</v>
      </c>
      <c r="C3" s="240"/>
      <c r="D3" s="240"/>
      <c r="E3" s="240"/>
    </row>
    <row r="4" spans="1:5" ht="13.5" customHeight="1">
      <c r="A4" s="7"/>
      <c r="B4" s="3" t="s">
        <v>30</v>
      </c>
      <c r="C4" s="4">
        <v>44651</v>
      </c>
      <c r="D4" s="4">
        <v>44561</v>
      </c>
      <c r="E4" s="5" t="s">
        <v>3</v>
      </c>
    </row>
    <row r="5" spans="1:5" ht="13.5" customHeight="1">
      <c r="A5" s="45"/>
      <c r="B5" s="27" t="s">
        <v>31</v>
      </c>
      <c r="C5" s="12">
        <v>68.400000000000006</v>
      </c>
      <c r="D5" s="25">
        <v>70.7</v>
      </c>
      <c r="E5" s="35">
        <v>-2.2999999999999998</v>
      </c>
    </row>
    <row r="6" spans="1:5" ht="13.5" customHeight="1">
      <c r="A6" s="45"/>
      <c r="B6" s="36" t="s">
        <v>32</v>
      </c>
      <c r="C6" s="15">
        <v>0.6</v>
      </c>
      <c r="D6" s="46">
        <v>5.2</v>
      </c>
      <c r="E6" s="47">
        <v>-4.5999999999999996</v>
      </c>
    </row>
    <row r="7" spans="1:5" ht="13.5" customHeight="1">
      <c r="A7" s="45"/>
      <c r="B7" s="27" t="s">
        <v>33</v>
      </c>
      <c r="C7" s="12">
        <v>0</v>
      </c>
      <c r="D7" s="25">
        <v>0.2</v>
      </c>
      <c r="E7" s="35">
        <v>-0.2</v>
      </c>
    </row>
    <row r="8" spans="1:5" ht="13.5" customHeight="1">
      <c r="A8" s="45"/>
      <c r="B8" s="36" t="s">
        <v>34</v>
      </c>
      <c r="C8" s="15">
        <v>0.7</v>
      </c>
      <c r="D8" s="46">
        <v>5.3</v>
      </c>
      <c r="E8" s="47">
        <v>-4.5999999999999996</v>
      </c>
    </row>
    <row r="9" spans="1:5" ht="13.5" customHeight="1">
      <c r="A9" s="7"/>
      <c r="B9" s="3" t="s">
        <v>35</v>
      </c>
      <c r="C9" s="4">
        <v>44651</v>
      </c>
      <c r="D9" s="4">
        <v>44561</v>
      </c>
      <c r="E9" s="26" t="s">
        <v>3</v>
      </c>
    </row>
    <row r="10" spans="1:5" ht="27" customHeight="1">
      <c r="B10" s="40" t="s">
        <v>36</v>
      </c>
      <c r="C10" s="48">
        <v>2.4</v>
      </c>
      <c r="D10" s="49">
        <v>2.6</v>
      </c>
      <c r="E10" s="48">
        <v>-0.2</v>
      </c>
    </row>
    <row r="11" spans="1:5" ht="13.5" customHeight="1">
      <c r="B11" s="52" t="s">
        <v>37</v>
      </c>
      <c r="C11" s="53">
        <v>4</v>
      </c>
      <c r="D11" s="54">
        <v>3.8</v>
      </c>
      <c r="E11" s="51">
        <v>0.2</v>
      </c>
    </row>
    <row r="12" spans="1:5" ht="13.5" customHeight="1">
      <c r="B12" s="40" t="s">
        <v>38</v>
      </c>
      <c r="C12" s="56">
        <v>-2.2000000000000002</v>
      </c>
      <c r="D12" s="56">
        <v>2.5</v>
      </c>
      <c r="E12" s="48">
        <v>-4.7</v>
      </c>
    </row>
    <row r="13" spans="1:5" s="6" customFormat="1" ht="13.5" customHeight="1">
      <c r="B13" s="57" t="s">
        <v>39</v>
      </c>
      <c r="C13" s="51">
        <v>0.8</v>
      </c>
      <c r="D13" s="59">
        <v>0.8</v>
      </c>
      <c r="E13" s="51" t="s">
        <v>96</v>
      </c>
    </row>
    <row r="14" spans="1:5" s="7" customFormat="1" ht="27" customHeight="1">
      <c r="B14" s="55" t="s">
        <v>40</v>
      </c>
      <c r="C14" s="47">
        <v>16.399999999999999</v>
      </c>
      <c r="D14" s="49">
        <v>16</v>
      </c>
      <c r="E14" s="37">
        <v>0.4</v>
      </c>
    </row>
    <row r="15" spans="1:5" s="7" customFormat="1" ht="13.5" customHeight="1">
      <c r="B15" s="27" t="s">
        <v>41</v>
      </c>
      <c r="C15" s="60">
        <v>50.8</v>
      </c>
      <c r="D15" s="60">
        <v>47.9</v>
      </c>
      <c r="E15" s="58">
        <v>2.8</v>
      </c>
    </row>
    <row r="16" spans="1:5" s="7" customFormat="1" ht="13.5" customHeight="1">
      <c r="B16" s="36" t="s">
        <v>42</v>
      </c>
      <c r="C16" s="48">
        <v>65.599999999999994</v>
      </c>
      <c r="D16" s="49">
        <v>63.7</v>
      </c>
      <c r="E16" s="48">
        <v>1.9</v>
      </c>
    </row>
    <row r="17" spans="1:5" s="7" customFormat="1" ht="13.5" customHeight="1">
      <c r="B17" s="61" t="s">
        <v>43</v>
      </c>
      <c r="C17" s="63">
        <v>0.56000000000000005</v>
      </c>
      <c r="D17" s="63">
        <v>0.31</v>
      </c>
      <c r="E17" s="62">
        <v>0.25</v>
      </c>
    </row>
    <row r="18" spans="1:5" s="7" customFormat="1" ht="13.5" customHeight="1">
      <c r="B18" s="65" t="s">
        <v>44</v>
      </c>
      <c r="C18" s="64">
        <v>51.2</v>
      </c>
      <c r="D18" s="64">
        <v>51.6</v>
      </c>
      <c r="E18" s="64">
        <v>-0.4</v>
      </c>
    </row>
    <row r="19" spans="1:5" s="23" customFormat="1" ht="13.5" customHeight="1">
      <c r="A19" s="67"/>
      <c r="B19" s="66"/>
      <c r="C19" s="68"/>
      <c r="D19" s="68"/>
      <c r="E19" s="38"/>
    </row>
    <row r="20" spans="1:5" ht="339.75" customHeight="1">
      <c r="B20" s="241" t="s">
        <v>143</v>
      </c>
      <c r="C20" s="241"/>
      <c r="D20" s="241"/>
      <c r="E20" s="241"/>
    </row>
    <row r="22" spans="1:5" ht="29.25" customHeight="1">
      <c r="B22" s="239" t="s">
        <v>141</v>
      </c>
      <c r="C22" s="239"/>
      <c r="D22" s="239"/>
    </row>
    <row r="23" spans="1:5" ht="12.75">
      <c r="B23" s="239" t="s">
        <v>142</v>
      </c>
      <c r="C23" s="239"/>
      <c r="D23" s="239"/>
    </row>
    <row r="38" spans="5:5">
      <c r="E38" s="10"/>
    </row>
    <row r="41" spans="5:5">
      <c r="E41" s="10"/>
    </row>
  </sheetData>
  <mergeCells count="5">
    <mergeCell ref="B22:D22"/>
    <mergeCell ref="B23:D23"/>
    <mergeCell ref="B3:E3"/>
    <mergeCell ref="B2:E2"/>
    <mergeCell ref="B20:E20"/>
  </mergeCells>
  <pageMargins left="0.78740157480314965" right="0.78740157480314965" top="0.98425196850393704" bottom="0.98425196850393704" header="0.51181102362204722" footer="0.51181102362204722"/>
  <pageSetup paperSize="8" scale="46"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0D63F1-D53A-4FF1-B9E7-A8683C0094B3}">
  <sheetPr>
    <tabColor rgb="FFFF66FF"/>
    <pageSetUpPr fitToPage="1"/>
  </sheetPr>
  <dimension ref="A1:E48"/>
  <sheetViews>
    <sheetView showGridLines="0" zoomScale="110" zoomScaleNormal="110" workbookViewId="0">
      <selection activeCell="B24" sqref="B24:E24"/>
    </sheetView>
  </sheetViews>
  <sheetFormatPr defaultColWidth="9.28515625" defaultRowHeight="11.25"/>
  <cols>
    <col min="1" max="1" width="1.85546875" style="7" customWidth="1"/>
    <col min="2" max="2" width="48.7109375" style="70" customWidth="1"/>
    <col min="3" max="3" width="11.7109375" style="69" customWidth="1"/>
    <col min="4" max="4" width="11.7109375" style="44" customWidth="1"/>
    <col min="5" max="5" width="6.7109375" style="44" customWidth="1"/>
    <col min="6" max="16384" width="9.28515625" style="10"/>
  </cols>
  <sheetData>
    <row r="1" spans="1:5" ht="10.5" customHeight="1"/>
    <row r="2" spans="1:5" s="2" customFormat="1" ht="15.75" customHeight="1">
      <c r="A2" s="1"/>
      <c r="B2" s="235" t="s">
        <v>45</v>
      </c>
      <c r="C2" s="236"/>
      <c r="D2" s="236"/>
      <c r="E2" s="236"/>
    </row>
    <row r="3" spans="1:5" s="2" customFormat="1" ht="15.75" customHeight="1">
      <c r="A3" s="1"/>
      <c r="B3" s="237" t="s">
        <v>1</v>
      </c>
      <c r="C3" s="238"/>
      <c r="D3" s="238"/>
      <c r="E3" s="238"/>
    </row>
    <row r="4" spans="1:5" ht="13.5" customHeight="1">
      <c r="B4" s="3" t="s">
        <v>46</v>
      </c>
      <c r="C4" s="4">
        <v>44651</v>
      </c>
      <c r="D4" s="4">
        <v>44561</v>
      </c>
      <c r="E4" s="5" t="s">
        <v>3</v>
      </c>
    </row>
    <row r="5" spans="1:5" ht="13.5" customHeight="1">
      <c r="B5" s="40" t="s">
        <v>47</v>
      </c>
      <c r="C5" s="47">
        <v>11.6</v>
      </c>
      <c r="D5" s="47">
        <v>12.5</v>
      </c>
      <c r="E5" s="48">
        <v>-0.9</v>
      </c>
    </row>
    <row r="6" spans="1:5" ht="13.5" customHeight="1">
      <c r="B6" s="50" t="s">
        <v>48</v>
      </c>
      <c r="C6" s="60">
        <v>10.8</v>
      </c>
      <c r="D6" s="60">
        <v>11</v>
      </c>
      <c r="E6" s="60">
        <v>-0.2</v>
      </c>
    </row>
    <row r="7" spans="1:5" ht="13.5" customHeight="1">
      <c r="B7" s="36" t="s">
        <v>49</v>
      </c>
      <c r="C7" s="47">
        <v>15.3</v>
      </c>
      <c r="D7" s="47">
        <v>16.100000000000001</v>
      </c>
      <c r="E7" s="47">
        <v>-0.8</v>
      </c>
    </row>
    <row r="8" spans="1:5" ht="13.5" customHeight="1">
      <c r="B8" s="57" t="s">
        <v>50</v>
      </c>
      <c r="C8" s="60">
        <v>14.5</v>
      </c>
      <c r="D8" s="60">
        <v>14.6</v>
      </c>
      <c r="E8" s="60">
        <v>-0.1</v>
      </c>
    </row>
    <row r="9" spans="1:5" ht="13.5" customHeight="1">
      <c r="B9" s="3" t="s">
        <v>51</v>
      </c>
      <c r="C9" s="4">
        <v>44651</v>
      </c>
      <c r="D9" s="4">
        <v>44561</v>
      </c>
      <c r="E9" s="5" t="s">
        <v>3</v>
      </c>
    </row>
    <row r="10" spans="1:5" ht="13.5" customHeight="1">
      <c r="B10" s="27" t="s">
        <v>52</v>
      </c>
      <c r="C10" s="71">
        <v>4.4000000000000004</v>
      </c>
      <c r="D10" s="71">
        <v>4.7</v>
      </c>
      <c r="E10" s="71">
        <v>-0.29999999999999982</v>
      </c>
    </row>
    <row r="11" spans="1:5" ht="13.5" customHeight="1">
      <c r="B11" s="36" t="s">
        <v>53</v>
      </c>
      <c r="C11" s="47">
        <v>4.0999999999999996</v>
      </c>
      <c r="D11" s="47">
        <v>4.2</v>
      </c>
      <c r="E11" s="47">
        <v>-0.10000000000000053</v>
      </c>
    </row>
    <row r="12" spans="1:5" ht="13.5" customHeight="1">
      <c r="B12" s="3" t="s">
        <v>54</v>
      </c>
      <c r="C12" s="4">
        <v>44651</v>
      </c>
      <c r="D12" s="4">
        <v>44561</v>
      </c>
      <c r="E12" s="5" t="s">
        <v>3</v>
      </c>
    </row>
    <row r="13" spans="1:5" ht="13.5" customHeight="1">
      <c r="B13" s="36" t="s">
        <v>55</v>
      </c>
      <c r="C13" s="48">
        <v>186</v>
      </c>
      <c r="D13" s="48">
        <v>172.7</v>
      </c>
      <c r="E13" s="48">
        <v>13.3</v>
      </c>
    </row>
    <row r="14" spans="1:5" ht="13.5" customHeight="1">
      <c r="B14" s="27" t="s">
        <v>56</v>
      </c>
      <c r="C14" s="71">
        <v>135.5</v>
      </c>
      <c r="D14" s="71">
        <v>129.6</v>
      </c>
      <c r="E14" s="53">
        <v>5.9</v>
      </c>
    </row>
    <row r="15" spans="1:5" ht="13.5" customHeight="1">
      <c r="B15" s="36" t="s">
        <v>57</v>
      </c>
      <c r="C15" s="48">
        <v>38.700000000000003</v>
      </c>
      <c r="D15" s="48">
        <v>40.700000000000003</v>
      </c>
      <c r="E15" s="48">
        <v>-2</v>
      </c>
    </row>
    <row r="16" spans="1:5" ht="13.5" customHeight="1">
      <c r="B16" s="52" t="s">
        <v>58</v>
      </c>
      <c r="C16" s="71">
        <v>93.9</v>
      </c>
      <c r="D16" s="71">
        <v>87.9</v>
      </c>
      <c r="E16" s="51">
        <v>6</v>
      </c>
    </row>
    <row r="17" spans="1:5" ht="13.5" customHeight="1">
      <c r="B17" s="36" t="s">
        <v>59</v>
      </c>
      <c r="C17" s="47">
        <v>25</v>
      </c>
      <c r="D17" s="48">
        <v>25.4</v>
      </c>
      <c r="E17" s="64">
        <v>-0.4</v>
      </c>
    </row>
    <row r="18" spans="1:5" s="73" customFormat="1" ht="9.75" customHeight="1">
      <c r="A18" s="72"/>
      <c r="B18" s="243"/>
      <c r="C18" s="243"/>
      <c r="D18" s="243"/>
      <c r="E18" s="243"/>
    </row>
    <row r="20" spans="1:5" ht="334.5" customHeight="1">
      <c r="B20" s="241" t="s">
        <v>137</v>
      </c>
      <c r="C20" s="241"/>
      <c r="D20" s="241"/>
      <c r="E20" s="241"/>
    </row>
    <row r="21" spans="1:5">
      <c r="B21" s="226"/>
      <c r="C21" s="226"/>
      <c r="D21" s="226"/>
      <c r="E21" s="227"/>
    </row>
    <row r="22" spans="1:5" ht="34.5" customHeight="1">
      <c r="B22" s="242" t="s">
        <v>138</v>
      </c>
      <c r="C22" s="242"/>
      <c r="D22" s="242"/>
      <c r="E22" s="242"/>
    </row>
    <row r="23" spans="1:5" ht="26.25" customHeight="1">
      <c r="B23" s="242" t="s">
        <v>139</v>
      </c>
      <c r="C23" s="242"/>
      <c r="D23" s="242"/>
      <c r="E23" s="242"/>
    </row>
    <row r="24" spans="1:5" ht="30" customHeight="1">
      <c r="B24" s="242" t="s">
        <v>140</v>
      </c>
      <c r="C24" s="242"/>
      <c r="D24" s="242"/>
      <c r="E24" s="242"/>
    </row>
    <row r="45" spans="5:5">
      <c r="E45" s="10"/>
    </row>
    <row r="48" spans="5:5">
      <c r="E48" s="10"/>
    </row>
  </sheetData>
  <mergeCells count="7">
    <mergeCell ref="B24:E24"/>
    <mergeCell ref="B18:E18"/>
    <mergeCell ref="B2:E2"/>
    <mergeCell ref="B3:E3"/>
    <mergeCell ref="B20:E20"/>
    <mergeCell ref="B22:E22"/>
    <mergeCell ref="B23:E23"/>
  </mergeCells>
  <pageMargins left="0.78740157480314965" right="0.78740157480314965" top="0.98425196850393704" bottom="0.98425196850393704" header="0.51181102362204722" footer="0.51181102362204722"/>
  <pageSetup paperSize="8" scale="46"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00E55F-5CCE-4588-BC5A-1511B21CEAB2}">
  <sheetPr>
    <tabColor rgb="FFFF66FF"/>
    <pageSetUpPr fitToPage="1"/>
  </sheetPr>
  <dimension ref="A1:V166"/>
  <sheetViews>
    <sheetView showGridLines="0" zoomScaleNormal="100" workbookViewId="0">
      <selection activeCell="H35" sqref="H35"/>
    </sheetView>
  </sheetViews>
  <sheetFormatPr defaultColWidth="9.28515625" defaultRowHeight="12.75"/>
  <cols>
    <col min="1" max="1" width="4.28515625" style="75" customWidth="1"/>
    <col min="2" max="2" width="49.7109375" style="74" customWidth="1"/>
    <col min="3" max="5" width="9.7109375" style="74" customWidth="1"/>
    <col min="6" max="6" width="6.85546875" style="74" customWidth="1"/>
    <col min="7" max="16384" width="9.28515625" style="75"/>
  </cols>
  <sheetData>
    <row r="1" spans="1:6" ht="15" customHeight="1">
      <c r="C1" s="77"/>
      <c r="D1" s="77"/>
      <c r="E1" s="77"/>
      <c r="F1" s="77"/>
    </row>
    <row r="2" spans="1:6" ht="23.25" customHeight="1">
      <c r="B2" s="244" t="s">
        <v>60</v>
      </c>
      <c r="C2" s="80"/>
      <c r="D2" s="81"/>
      <c r="E2" s="81"/>
      <c r="F2" s="81"/>
    </row>
    <row r="3" spans="1:6" ht="12.75" customHeight="1">
      <c r="B3" s="245"/>
      <c r="C3" s="83"/>
      <c r="D3" s="83"/>
      <c r="E3" s="83"/>
      <c r="F3" s="83"/>
    </row>
    <row r="4" spans="1:6" ht="25.5" customHeight="1">
      <c r="B4" s="246" t="s">
        <v>61</v>
      </c>
      <c r="C4" s="248">
        <v>44651</v>
      </c>
      <c r="D4" s="248">
        <v>44286</v>
      </c>
      <c r="E4" s="250" t="s">
        <v>62</v>
      </c>
      <c r="F4" s="250"/>
    </row>
    <row r="5" spans="1:6" ht="19.5" customHeight="1">
      <c r="B5" s="247"/>
      <c r="C5" s="249"/>
      <c r="D5" s="249"/>
      <c r="E5" s="84" t="s">
        <v>64</v>
      </c>
      <c r="F5" s="84" t="s">
        <v>63</v>
      </c>
    </row>
    <row r="6" spans="1:6" s="78" customFormat="1" ht="15.75" customHeight="1">
      <c r="A6" s="75"/>
      <c r="B6" s="85" t="s">
        <v>4</v>
      </c>
      <c r="C6" s="86">
        <v>323.10000000000002</v>
      </c>
      <c r="D6" s="86">
        <v>279.60000000000002</v>
      </c>
      <c r="E6" s="87">
        <v>43.5</v>
      </c>
      <c r="F6" s="88">
        <v>0.156</v>
      </c>
    </row>
    <row r="7" spans="1:6" ht="15.75" customHeight="1">
      <c r="B7" s="89" t="s">
        <v>5</v>
      </c>
      <c r="C7" s="90">
        <v>368.9</v>
      </c>
      <c r="D7" s="90">
        <v>372</v>
      </c>
      <c r="E7" s="91">
        <v>-3.1</v>
      </c>
      <c r="F7" s="92">
        <v>-8.0000000000000002E-3</v>
      </c>
    </row>
    <row r="8" spans="1:6" s="78" customFormat="1" ht="15.75" customHeight="1">
      <c r="B8" s="93" t="s">
        <v>65</v>
      </c>
      <c r="C8" s="94">
        <v>692</v>
      </c>
      <c r="D8" s="94">
        <v>651.6</v>
      </c>
      <c r="E8" s="95">
        <v>40.4</v>
      </c>
      <c r="F8" s="96">
        <v>6.2E-2</v>
      </c>
    </row>
    <row r="9" spans="1:6" s="78" customFormat="1" ht="18" customHeight="1">
      <c r="B9" s="97" t="s">
        <v>66</v>
      </c>
      <c r="C9" s="98">
        <v>14.2</v>
      </c>
      <c r="D9" s="98">
        <v>21.2</v>
      </c>
      <c r="E9" s="99">
        <v>-7</v>
      </c>
      <c r="F9" s="100">
        <v>-0.33</v>
      </c>
    </row>
    <row r="10" spans="1:6" ht="26.25" customHeight="1">
      <c r="A10" s="76"/>
      <c r="B10" s="55" t="s">
        <v>67</v>
      </c>
      <c r="C10" s="101">
        <v>75.599999999999994</v>
      </c>
      <c r="D10" s="101">
        <v>157</v>
      </c>
      <c r="E10" s="102">
        <v>-81.400000000000006</v>
      </c>
      <c r="F10" s="103">
        <v>-0.51900000000000002</v>
      </c>
    </row>
    <row r="11" spans="1:6" ht="15.75" customHeight="1">
      <c r="B11" s="104" t="s">
        <v>68</v>
      </c>
      <c r="C11" s="105">
        <v>4.5999999999999996</v>
      </c>
      <c r="D11" s="105">
        <v>1.6</v>
      </c>
      <c r="E11" s="106">
        <v>3</v>
      </c>
      <c r="F11" s="107" t="s">
        <v>96</v>
      </c>
    </row>
    <row r="12" spans="1:6" s="78" customFormat="1" ht="15.75" customHeight="1">
      <c r="B12" s="108" t="s">
        <v>69</v>
      </c>
      <c r="C12" s="101">
        <v>-3.2</v>
      </c>
      <c r="D12" s="101">
        <v>-10.7</v>
      </c>
      <c r="E12" s="102">
        <v>7.5</v>
      </c>
      <c r="F12" s="103">
        <v>-0.69699999999999995</v>
      </c>
    </row>
    <row r="13" spans="1:6" s="78" customFormat="1" ht="15.75" customHeight="1">
      <c r="B13" s="109" t="s">
        <v>8</v>
      </c>
      <c r="C13" s="110">
        <v>783.2</v>
      </c>
      <c r="D13" s="110">
        <v>820.7</v>
      </c>
      <c r="E13" s="111">
        <v>-37.5</v>
      </c>
      <c r="F13" s="112">
        <v>-4.5999999999999999E-2</v>
      </c>
    </row>
    <row r="14" spans="1:6" ht="15.75" customHeight="1">
      <c r="B14" s="113" t="s">
        <v>70</v>
      </c>
      <c r="C14" s="114">
        <v>-491.7</v>
      </c>
      <c r="D14" s="114">
        <v>-492.9</v>
      </c>
      <c r="E14" s="115">
        <v>1.2</v>
      </c>
      <c r="F14" s="116">
        <v>-2E-3</v>
      </c>
    </row>
    <row r="15" spans="1:6" ht="15.75" customHeight="1">
      <c r="A15" s="76"/>
      <c r="B15" s="104" t="s">
        <v>71</v>
      </c>
      <c r="C15" s="105">
        <v>-355.9</v>
      </c>
      <c r="D15" s="106">
        <v>-360.2</v>
      </c>
      <c r="E15" s="106">
        <v>4.3</v>
      </c>
      <c r="F15" s="107">
        <v>-1.2E-2</v>
      </c>
    </row>
    <row r="16" spans="1:6" ht="15.75" customHeight="1">
      <c r="A16" s="76"/>
      <c r="B16" s="33" t="s">
        <v>72</v>
      </c>
      <c r="C16" s="101">
        <v>-135.80000000000001</v>
      </c>
      <c r="D16" s="102">
        <v>-132.69999999999999</v>
      </c>
      <c r="E16" s="102">
        <v>-3.1</v>
      </c>
      <c r="F16" s="103">
        <v>2.3E-2</v>
      </c>
    </row>
    <row r="17" spans="1:6" ht="15.75" customHeight="1">
      <c r="A17" s="76"/>
      <c r="B17" s="61" t="s">
        <v>73</v>
      </c>
      <c r="C17" s="105">
        <v>-43.6</v>
      </c>
      <c r="D17" s="106">
        <v>-47.5</v>
      </c>
      <c r="E17" s="106">
        <v>3.8</v>
      </c>
      <c r="F17" s="107">
        <v>-8.1000000000000003E-2</v>
      </c>
    </row>
    <row r="18" spans="1:6" s="78" customFormat="1" ht="15.75" customHeight="1">
      <c r="B18" s="93" t="s">
        <v>9</v>
      </c>
      <c r="C18" s="94">
        <v>-535.29999999999995</v>
      </c>
      <c r="D18" s="94">
        <v>-540.4</v>
      </c>
      <c r="E18" s="95">
        <v>5.0999999999999996</v>
      </c>
      <c r="F18" s="96">
        <v>-8.9999999999999993E-3</v>
      </c>
    </row>
    <row r="19" spans="1:6" s="78" customFormat="1" ht="15.75" customHeight="1">
      <c r="B19" s="109" t="s">
        <v>74</v>
      </c>
      <c r="C19" s="110">
        <v>247.8</v>
      </c>
      <c r="D19" s="110">
        <v>280.3</v>
      </c>
      <c r="E19" s="111">
        <v>-32.5</v>
      </c>
      <c r="F19" s="112">
        <v>-0.11600000000000001</v>
      </c>
    </row>
    <row r="20" spans="1:6" s="78" customFormat="1" ht="15.75" customHeight="1">
      <c r="B20" s="93" t="s">
        <v>10</v>
      </c>
      <c r="C20" s="94">
        <v>-111.3</v>
      </c>
      <c r="D20" s="94">
        <v>-73.900000000000006</v>
      </c>
      <c r="E20" s="94">
        <v>-37.299999999999997</v>
      </c>
      <c r="F20" s="117">
        <v>0.505</v>
      </c>
    </row>
    <row r="21" spans="1:6" s="121" customFormat="1" ht="23.25" customHeight="1">
      <c r="B21" s="122" t="s">
        <v>75</v>
      </c>
      <c r="C21" s="123">
        <v>-0.4</v>
      </c>
      <c r="D21" s="123">
        <v>-3.7</v>
      </c>
      <c r="E21" s="124">
        <v>3.3</v>
      </c>
      <c r="F21" s="125">
        <v>-0.89200000000000002</v>
      </c>
    </row>
    <row r="22" spans="1:6" s="78" customFormat="1" ht="15.75" customHeight="1">
      <c r="B22" s="109" t="s">
        <v>76</v>
      </c>
      <c r="C22" s="111">
        <v>136.19999999999999</v>
      </c>
      <c r="D22" s="111">
        <v>202.7</v>
      </c>
      <c r="E22" s="111">
        <v>-66.5</v>
      </c>
      <c r="F22" s="126">
        <v>-0.32800000000000001</v>
      </c>
    </row>
    <row r="23" spans="1:6" s="78" customFormat="1" ht="15.75" customHeight="1">
      <c r="B23" s="127" t="s">
        <v>77</v>
      </c>
      <c r="C23" s="105">
        <v>-28.4</v>
      </c>
      <c r="D23" s="106">
        <v>8.5</v>
      </c>
      <c r="E23" s="106">
        <v>-36.9</v>
      </c>
      <c r="F23" s="119" t="s">
        <v>96</v>
      </c>
    </row>
    <row r="24" spans="1:6" s="78" customFormat="1" ht="15.75" customHeight="1">
      <c r="B24" s="55" t="s">
        <v>78</v>
      </c>
      <c r="C24" s="101">
        <v>1.9</v>
      </c>
      <c r="D24" s="101">
        <v>-2.8</v>
      </c>
      <c r="E24" s="102">
        <v>4.7</v>
      </c>
      <c r="F24" s="128" t="s">
        <v>96</v>
      </c>
    </row>
    <row r="25" spans="1:6" s="121" customFormat="1" ht="15.75" customHeight="1">
      <c r="B25" s="129" t="s">
        <v>79</v>
      </c>
      <c r="C25" s="130">
        <v>-0.2</v>
      </c>
      <c r="D25" s="130">
        <v>-0.1</v>
      </c>
      <c r="E25" s="131">
        <v>-0.1</v>
      </c>
      <c r="F25" s="132">
        <v>0.92800000000000005</v>
      </c>
    </row>
    <row r="26" spans="1:6" s="78" customFormat="1" ht="15.75" customHeight="1">
      <c r="B26" s="55" t="s">
        <v>80</v>
      </c>
      <c r="C26" s="101">
        <v>-88.7</v>
      </c>
      <c r="D26" s="101">
        <v>-67.8</v>
      </c>
      <c r="E26" s="102">
        <v>-20.9</v>
      </c>
      <c r="F26" s="103">
        <v>0.308</v>
      </c>
    </row>
    <row r="27" spans="1:6" s="121" customFormat="1" ht="15.75" customHeight="1">
      <c r="B27" s="129" t="s">
        <v>81</v>
      </c>
      <c r="C27" s="130">
        <v>-15.8</v>
      </c>
      <c r="D27" s="130">
        <v>-15.7</v>
      </c>
      <c r="E27" s="130">
        <v>-9.9999999999999995E-7</v>
      </c>
      <c r="F27" s="132">
        <v>3.0000000000000001E-3</v>
      </c>
    </row>
    <row r="28" spans="1:6" s="121" customFormat="1" ht="24.75" customHeight="1">
      <c r="B28" s="55" t="s">
        <v>82</v>
      </c>
      <c r="C28" s="101">
        <v>0</v>
      </c>
      <c r="D28" s="101">
        <v>-27.8</v>
      </c>
      <c r="E28" s="101">
        <v>27.8</v>
      </c>
      <c r="F28" s="103">
        <v>-1</v>
      </c>
    </row>
    <row r="29" spans="1:6" ht="15.75" customHeight="1">
      <c r="A29" s="78"/>
      <c r="B29" s="133" t="s">
        <v>83</v>
      </c>
      <c r="C29" s="90">
        <v>-0.1</v>
      </c>
      <c r="D29" s="90">
        <v>17</v>
      </c>
      <c r="E29" s="91">
        <v>-17.100000000000001</v>
      </c>
      <c r="F29" s="134" t="s">
        <v>96</v>
      </c>
    </row>
    <row r="30" spans="1:6" s="121" customFormat="1" ht="15.75" customHeight="1" collapsed="1">
      <c r="A30" s="120"/>
      <c r="B30" s="93" t="s">
        <v>84</v>
      </c>
      <c r="C30" s="94">
        <v>5</v>
      </c>
      <c r="D30" s="94">
        <v>114</v>
      </c>
      <c r="E30" s="95">
        <v>-109.1</v>
      </c>
      <c r="F30" s="96">
        <v>-0.95599999999999996</v>
      </c>
    </row>
    <row r="31" spans="1:6" ht="15.75" customHeight="1">
      <c r="A31" s="78"/>
      <c r="B31" s="135" t="s">
        <v>85</v>
      </c>
      <c r="C31" s="136">
        <v>5.5</v>
      </c>
      <c r="D31" s="136">
        <v>6.1</v>
      </c>
      <c r="E31" s="137">
        <v>-0.6</v>
      </c>
      <c r="F31" s="138">
        <v>-0.1</v>
      </c>
    </row>
    <row r="32" spans="1:6" s="121" customFormat="1" ht="15.75" customHeight="1" collapsed="1">
      <c r="A32" s="120"/>
      <c r="B32" s="93" t="s">
        <v>86</v>
      </c>
      <c r="C32" s="95">
        <v>10.5</v>
      </c>
      <c r="D32" s="95">
        <v>120.1</v>
      </c>
      <c r="E32" s="95">
        <v>-109.7</v>
      </c>
      <c r="F32" s="96">
        <v>-0.91300000000000003</v>
      </c>
    </row>
    <row r="33" spans="1:6" s="78" customFormat="1" ht="15.75" customHeight="1">
      <c r="A33" s="75"/>
      <c r="B33" s="109" t="s">
        <v>87</v>
      </c>
      <c r="C33" s="110">
        <v>10.5</v>
      </c>
      <c r="D33" s="110">
        <v>120.1</v>
      </c>
      <c r="E33" s="111">
        <v>-109.7</v>
      </c>
      <c r="F33" s="112">
        <v>-0.91300000000000003</v>
      </c>
    </row>
    <row r="34" spans="1:6" s="120" customFormat="1" ht="15.75" customHeight="1">
      <c r="A34" s="121"/>
      <c r="B34" s="139" t="s">
        <v>88</v>
      </c>
      <c r="C34" s="140">
        <v>0</v>
      </c>
      <c r="D34" s="140">
        <v>-0.1</v>
      </c>
      <c r="E34" s="141">
        <v>0.1</v>
      </c>
      <c r="F34" s="142" t="s">
        <v>96</v>
      </c>
    </row>
    <row r="35" spans="1:6" s="78" customFormat="1" ht="23.25" customHeight="1" collapsed="1">
      <c r="B35" s="109" t="s">
        <v>89</v>
      </c>
      <c r="C35" s="110">
        <v>10.5</v>
      </c>
      <c r="D35" s="110">
        <v>120.2</v>
      </c>
      <c r="E35" s="111">
        <v>-109.8</v>
      </c>
      <c r="F35" s="112">
        <v>-0.91300000000000003</v>
      </c>
    </row>
    <row r="36" spans="1:6" s="147" customFormat="1" ht="15.75" customHeight="1" collapsed="1">
      <c r="A36" s="146"/>
      <c r="B36" s="143" t="s">
        <v>90</v>
      </c>
      <c r="C36" s="144">
        <v>-0.8</v>
      </c>
      <c r="D36" s="114">
        <v>-0.9</v>
      </c>
      <c r="E36" s="145">
        <v>0.2</v>
      </c>
      <c r="F36" s="116">
        <v>-0.182</v>
      </c>
    </row>
    <row r="37" spans="1:6" s="78" customFormat="1" ht="15.75" customHeight="1">
      <c r="B37" s="148" t="s">
        <v>14</v>
      </c>
      <c r="C37" s="149">
        <v>9.6999999999999993</v>
      </c>
      <c r="D37" s="149">
        <v>119.3</v>
      </c>
      <c r="E37" s="150">
        <v>-109.6</v>
      </c>
      <c r="F37" s="151">
        <v>-0.91900000000000004</v>
      </c>
    </row>
    <row r="114" spans="3:6">
      <c r="C114" s="75"/>
      <c r="D114" s="75"/>
      <c r="E114" s="75"/>
      <c r="F114" s="75"/>
    </row>
    <row r="129" spans="3:6">
      <c r="C129" s="75"/>
      <c r="D129" s="75"/>
      <c r="E129" s="75"/>
      <c r="F129" s="75"/>
    </row>
    <row r="163" spans="7:22" s="74" customFormat="1">
      <c r="G163" s="75"/>
      <c r="H163" s="75"/>
      <c r="I163" s="75"/>
      <c r="J163" s="75"/>
      <c r="K163" s="75"/>
      <c r="L163" s="75"/>
      <c r="M163" s="75"/>
      <c r="N163" s="75"/>
      <c r="O163" s="75"/>
      <c r="P163" s="75"/>
      <c r="Q163" s="75"/>
      <c r="R163" s="75"/>
      <c r="S163" s="75"/>
      <c r="T163" s="75"/>
      <c r="U163" s="75"/>
      <c r="V163" s="75"/>
    </row>
    <row r="166" spans="7:22" s="74" customFormat="1">
      <c r="G166" s="75"/>
      <c r="H166" s="75"/>
      <c r="I166" s="75"/>
      <c r="J166" s="75"/>
      <c r="K166" s="75"/>
      <c r="L166" s="75"/>
      <c r="M166" s="75"/>
      <c r="N166" s="75"/>
      <c r="O166" s="75"/>
      <c r="P166" s="75"/>
      <c r="Q166" s="75"/>
      <c r="R166" s="75"/>
      <c r="S166" s="75"/>
      <c r="T166" s="75"/>
      <c r="U166" s="75"/>
      <c r="V166" s="75"/>
    </row>
  </sheetData>
  <mergeCells count="5">
    <mergeCell ref="B2:B3"/>
    <mergeCell ref="B4:B5"/>
    <mergeCell ref="C4:C5"/>
    <mergeCell ref="D4:D5"/>
    <mergeCell ref="E4:F4"/>
  </mergeCells>
  <printOptions horizontalCentered="1" verticalCentered="1"/>
  <pageMargins left="0.59055118110236227" right="0.39370078740157483" top="0.47244094488188981" bottom="0.55118110236220474" header="0.51181102362204722" footer="0.51181102362204722"/>
  <pageSetup paperSize="8" scale="46" orientation="portrait" copies="2" r:id="rId1"/>
  <headerFooter alignWithMargins="0">
    <oddFooter>&amp;L&amp;14&amp;D&amp;T</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4D7ADC-2536-4756-B2FE-B61DBF8DDBD8}">
  <sheetPr>
    <tabColor rgb="FFFF66FF"/>
    <pageSetUpPr fitToPage="1"/>
  </sheetPr>
  <dimension ref="A1:G37"/>
  <sheetViews>
    <sheetView showGridLines="0" zoomScaleNormal="100" workbookViewId="0">
      <selection activeCell="C10" sqref="C10"/>
    </sheetView>
  </sheetViews>
  <sheetFormatPr defaultColWidth="9.28515625" defaultRowHeight="12.75"/>
  <cols>
    <col min="1" max="1" width="3.85546875" style="130" customWidth="1"/>
    <col min="2" max="2" width="47.85546875" style="75" customWidth="1"/>
    <col min="3" max="7" width="7.28515625" style="75" customWidth="1"/>
    <col min="8" max="16384" width="9.28515625" style="74"/>
  </cols>
  <sheetData>
    <row r="1" spans="1:7">
      <c r="B1" s="152"/>
      <c r="C1" s="153"/>
      <c r="D1" s="152"/>
      <c r="E1" s="152"/>
      <c r="F1" s="152"/>
      <c r="G1" s="152"/>
    </row>
    <row r="2" spans="1:7" ht="15.75" customHeight="1">
      <c r="B2" s="251" t="s">
        <v>91</v>
      </c>
      <c r="C2" s="251"/>
      <c r="D2" s="251"/>
      <c r="E2" s="251"/>
      <c r="F2" s="251"/>
      <c r="G2" s="251"/>
    </row>
    <row r="3" spans="1:7" ht="10.5" customHeight="1">
      <c r="B3" s="154"/>
      <c r="C3" s="82"/>
      <c r="D3" s="82"/>
      <c r="E3" s="82"/>
      <c r="F3" s="82"/>
      <c r="G3" s="82"/>
    </row>
    <row r="4" spans="1:7" ht="20.25" customHeight="1">
      <c r="B4" s="252" t="s">
        <v>61</v>
      </c>
      <c r="C4" s="225">
        <v>2022</v>
      </c>
      <c r="D4" s="254" t="s">
        <v>97</v>
      </c>
      <c r="E4" s="254"/>
      <c r="F4" s="254"/>
      <c r="G4" s="254"/>
    </row>
    <row r="5" spans="1:7" ht="14.25" customHeight="1">
      <c r="B5" s="253"/>
      <c r="C5" s="156" t="s">
        <v>98</v>
      </c>
      <c r="D5" s="157" t="s">
        <v>99</v>
      </c>
      <c r="E5" s="155" t="s">
        <v>100</v>
      </c>
      <c r="F5" s="155" t="s">
        <v>101</v>
      </c>
      <c r="G5" s="155" t="s">
        <v>102</v>
      </c>
    </row>
    <row r="6" spans="1:7" s="79" customFormat="1" ht="15" customHeight="1">
      <c r="A6" s="161"/>
      <c r="B6" s="158" t="s">
        <v>4</v>
      </c>
      <c r="C6" s="160">
        <v>323.10000000000002</v>
      </c>
      <c r="D6" s="159">
        <v>323</v>
      </c>
      <c r="E6" s="159">
        <v>313.3</v>
      </c>
      <c r="F6" s="159">
        <v>305.60000000000002</v>
      </c>
      <c r="G6" s="159">
        <v>279.60000000000002</v>
      </c>
    </row>
    <row r="7" spans="1:7" s="79" customFormat="1" ht="15" customHeight="1">
      <c r="A7" s="161"/>
      <c r="B7" s="162" t="s">
        <v>5</v>
      </c>
      <c r="C7" s="164">
        <v>368.9</v>
      </c>
      <c r="D7" s="163">
        <v>371.2</v>
      </c>
      <c r="E7" s="163">
        <v>358.3</v>
      </c>
      <c r="F7" s="163">
        <v>382.5</v>
      </c>
      <c r="G7" s="163">
        <v>372</v>
      </c>
    </row>
    <row r="8" spans="1:7" s="79" customFormat="1" ht="15" customHeight="1">
      <c r="A8" s="161"/>
      <c r="B8" s="165" t="s">
        <v>65</v>
      </c>
      <c r="C8" s="167">
        <v>692</v>
      </c>
      <c r="D8" s="166">
        <v>694.2</v>
      </c>
      <c r="E8" s="166">
        <v>671.6</v>
      </c>
      <c r="F8" s="166">
        <v>688.1</v>
      </c>
      <c r="G8" s="166">
        <v>651.6</v>
      </c>
    </row>
    <row r="9" spans="1:7" ht="15.75" customHeight="1">
      <c r="A9" s="161"/>
      <c r="B9" s="55" t="s">
        <v>66</v>
      </c>
      <c r="C9" s="168">
        <v>14.2</v>
      </c>
      <c r="D9" s="101">
        <v>37.700000000000003</v>
      </c>
      <c r="E9" s="101">
        <v>20.3</v>
      </c>
      <c r="F9" s="101">
        <v>34.200000000000003</v>
      </c>
      <c r="G9" s="101">
        <v>21.2</v>
      </c>
    </row>
    <row r="10" spans="1:7" ht="26.25" customHeight="1">
      <c r="A10" s="161"/>
      <c r="B10" s="61" t="s">
        <v>67</v>
      </c>
      <c r="C10" s="169">
        <v>75.599999999999994</v>
      </c>
      <c r="D10" s="105">
        <v>-5.9</v>
      </c>
      <c r="E10" s="105">
        <v>14</v>
      </c>
      <c r="F10" s="105">
        <v>19.7</v>
      </c>
      <c r="G10" s="105">
        <v>157</v>
      </c>
    </row>
    <row r="11" spans="1:7" ht="15" customHeight="1">
      <c r="A11" s="161"/>
      <c r="B11" s="33" t="s">
        <v>68</v>
      </c>
      <c r="C11" s="168">
        <v>4.5999999999999996</v>
      </c>
      <c r="D11" s="101">
        <v>4.9000000000000004</v>
      </c>
      <c r="E11" s="101">
        <v>5.8</v>
      </c>
      <c r="F11" s="101">
        <v>0.3</v>
      </c>
      <c r="G11" s="101">
        <v>1.6</v>
      </c>
    </row>
    <row r="12" spans="1:7" ht="15" customHeight="1">
      <c r="A12" s="161"/>
      <c r="B12" s="170" t="s">
        <v>69</v>
      </c>
      <c r="C12" s="172">
        <v>-3.2</v>
      </c>
      <c r="D12" s="171">
        <v>-10.8</v>
      </c>
      <c r="E12" s="171">
        <v>-13.4</v>
      </c>
      <c r="F12" s="171">
        <v>-1.8</v>
      </c>
      <c r="G12" s="171">
        <v>-10.7</v>
      </c>
    </row>
    <row r="13" spans="1:7" s="79" customFormat="1" ht="15" customHeight="1">
      <c r="A13" s="161"/>
      <c r="B13" s="173" t="s">
        <v>8</v>
      </c>
      <c r="C13" s="175">
        <v>783.2</v>
      </c>
      <c r="D13" s="174">
        <v>720.2</v>
      </c>
      <c r="E13" s="174">
        <v>698.3</v>
      </c>
      <c r="F13" s="174">
        <v>740.5</v>
      </c>
      <c r="G13" s="174">
        <v>820.7</v>
      </c>
    </row>
    <row r="14" spans="1:7" ht="15" customHeight="1">
      <c r="A14" s="161"/>
      <c r="B14" s="104" t="s">
        <v>70</v>
      </c>
      <c r="C14" s="169">
        <v>-491.7</v>
      </c>
      <c r="D14" s="105">
        <v>-471.3</v>
      </c>
      <c r="E14" s="105">
        <v>-470</v>
      </c>
      <c r="F14" s="105">
        <v>-491.9</v>
      </c>
      <c r="G14" s="105">
        <v>-492.9</v>
      </c>
    </row>
    <row r="15" spans="1:7" ht="15" customHeight="1">
      <c r="A15" s="161"/>
      <c r="B15" s="33" t="s">
        <v>71</v>
      </c>
      <c r="C15" s="168">
        <v>-355.9</v>
      </c>
      <c r="D15" s="101">
        <v>-351.1</v>
      </c>
      <c r="E15" s="101">
        <v>-358.1</v>
      </c>
      <c r="F15" s="101">
        <v>-358.6</v>
      </c>
      <c r="G15" s="101">
        <v>-360.2</v>
      </c>
    </row>
    <row r="16" spans="1:7" ht="15" customHeight="1">
      <c r="A16" s="161"/>
      <c r="B16" s="104" t="s">
        <v>72</v>
      </c>
      <c r="C16" s="169">
        <v>-135.80000000000001</v>
      </c>
      <c r="D16" s="105">
        <v>-120.2</v>
      </c>
      <c r="E16" s="105">
        <v>-111.9</v>
      </c>
      <c r="F16" s="105">
        <v>-133.30000000000001</v>
      </c>
      <c r="G16" s="105">
        <v>-132.69999999999999</v>
      </c>
    </row>
    <row r="17" spans="1:7" ht="24" customHeight="1">
      <c r="A17" s="161"/>
      <c r="B17" s="55" t="s">
        <v>73</v>
      </c>
      <c r="C17" s="168">
        <v>-43.6</v>
      </c>
      <c r="D17" s="101">
        <v>-47.8</v>
      </c>
      <c r="E17" s="101">
        <v>-43.6</v>
      </c>
      <c r="F17" s="101">
        <v>-41</v>
      </c>
      <c r="G17" s="101">
        <v>-47.5</v>
      </c>
    </row>
    <row r="18" spans="1:7" s="79" customFormat="1" ht="15" customHeight="1">
      <c r="A18" s="161"/>
      <c r="B18" s="165" t="s">
        <v>9</v>
      </c>
      <c r="C18" s="167">
        <v>-535.29999999999995</v>
      </c>
      <c r="D18" s="166">
        <v>-519.1</v>
      </c>
      <c r="E18" s="166">
        <v>-513.6</v>
      </c>
      <c r="F18" s="166">
        <v>-532.79999999999995</v>
      </c>
      <c r="G18" s="166">
        <v>-540.4</v>
      </c>
    </row>
    <row r="19" spans="1:7" s="79" customFormat="1" ht="15" customHeight="1">
      <c r="A19" s="161"/>
      <c r="B19" s="173" t="s">
        <v>74</v>
      </c>
      <c r="C19" s="175">
        <v>247.8</v>
      </c>
      <c r="D19" s="174">
        <v>201.1</v>
      </c>
      <c r="E19" s="174">
        <v>184.7</v>
      </c>
      <c r="F19" s="174">
        <v>207.7</v>
      </c>
      <c r="G19" s="174">
        <v>280.3</v>
      </c>
    </row>
    <row r="20" spans="1:7" s="79" customFormat="1" ht="15" customHeight="1">
      <c r="A20" s="161"/>
      <c r="B20" s="109" t="s">
        <v>10</v>
      </c>
      <c r="C20" s="167">
        <v>-111.3</v>
      </c>
      <c r="D20" s="166">
        <v>-222.3</v>
      </c>
      <c r="E20" s="110">
        <v>135.1</v>
      </c>
      <c r="F20" s="110">
        <v>-88.9</v>
      </c>
      <c r="G20" s="110">
        <v>-73.900000000000006</v>
      </c>
    </row>
    <row r="21" spans="1:7" s="79" customFormat="1" ht="15.75" customHeight="1">
      <c r="A21" s="161"/>
      <c r="B21" s="93" t="s">
        <v>75</v>
      </c>
      <c r="C21" s="175">
        <v>-0.4</v>
      </c>
      <c r="D21" s="94">
        <v>2.5</v>
      </c>
      <c r="E21" s="94">
        <v>1.2</v>
      </c>
      <c r="F21" s="94">
        <v>5.4</v>
      </c>
      <c r="G21" s="94">
        <v>-3.7</v>
      </c>
    </row>
    <row r="22" spans="1:7" s="121" customFormat="1" ht="15" customHeight="1">
      <c r="A22" s="161"/>
      <c r="B22" s="122" t="s">
        <v>76</v>
      </c>
      <c r="C22" s="176">
        <v>136.19999999999999</v>
      </c>
      <c r="D22" s="123">
        <v>-18.7</v>
      </c>
      <c r="E22" s="123">
        <v>321</v>
      </c>
      <c r="F22" s="123">
        <v>124.2</v>
      </c>
      <c r="G22" s="123">
        <v>202.7</v>
      </c>
    </row>
    <row r="23" spans="1:7" s="78" customFormat="1" ht="15" customHeight="1">
      <c r="A23" s="178"/>
      <c r="B23" s="127" t="s">
        <v>77</v>
      </c>
      <c r="C23" s="169">
        <v>-28.4</v>
      </c>
      <c r="D23" s="105">
        <v>-32.9</v>
      </c>
      <c r="E23" s="105">
        <v>-23.8</v>
      </c>
      <c r="F23" s="105">
        <v>-50.8</v>
      </c>
      <c r="G23" s="105">
        <v>8.5</v>
      </c>
    </row>
    <row r="24" spans="1:7" s="78" customFormat="1" ht="15" customHeight="1">
      <c r="A24" s="161"/>
      <c r="B24" s="61" t="s">
        <v>78</v>
      </c>
      <c r="C24" s="169">
        <v>1.9</v>
      </c>
      <c r="D24" s="105">
        <v>-9.9999999999999995E-8</v>
      </c>
      <c r="E24" s="105">
        <v>2.4</v>
      </c>
      <c r="F24" s="105">
        <v>2.6</v>
      </c>
      <c r="G24" s="105">
        <v>-2.8</v>
      </c>
    </row>
    <row r="25" spans="1:7" s="79" customFormat="1" ht="15" customHeight="1">
      <c r="A25" s="161"/>
      <c r="B25" s="55" t="s">
        <v>79</v>
      </c>
      <c r="C25" s="168">
        <v>-0.2</v>
      </c>
      <c r="D25" s="101">
        <v>0.8</v>
      </c>
      <c r="E25" s="101">
        <v>-3.9</v>
      </c>
      <c r="F25" s="101">
        <v>-4.0999999999999996</v>
      </c>
      <c r="G25" s="101">
        <v>-0.1</v>
      </c>
    </row>
    <row r="26" spans="1:7" s="78" customFormat="1" ht="15" customHeight="1">
      <c r="A26" s="161"/>
      <c r="B26" s="61" t="s">
        <v>80</v>
      </c>
      <c r="C26" s="169">
        <v>-88.7</v>
      </c>
      <c r="D26" s="105">
        <v>-10.3</v>
      </c>
      <c r="E26" s="105">
        <v>-69.400000000000006</v>
      </c>
      <c r="F26" s="105">
        <v>-21.8</v>
      </c>
      <c r="G26" s="105">
        <v>-67.8</v>
      </c>
    </row>
    <row r="27" spans="1:7" s="79" customFormat="1" ht="15.75" customHeight="1">
      <c r="A27" s="161"/>
      <c r="B27" s="55" t="s">
        <v>81</v>
      </c>
      <c r="C27" s="168">
        <v>-15.8</v>
      </c>
      <c r="D27" s="101">
        <v>-15.8</v>
      </c>
      <c r="E27" s="101">
        <v>-15.8</v>
      </c>
      <c r="F27" s="101">
        <v>-15.9</v>
      </c>
      <c r="G27" s="101">
        <v>-15.7</v>
      </c>
    </row>
    <row r="28" spans="1:7" s="121" customFormat="1" ht="22.5" customHeight="1">
      <c r="A28" s="161"/>
      <c r="B28" s="129" t="s">
        <v>82</v>
      </c>
      <c r="C28" s="179">
        <v>0</v>
      </c>
      <c r="D28" s="130">
        <v>-15.3</v>
      </c>
      <c r="E28" s="130">
        <v>0</v>
      </c>
      <c r="F28" s="130">
        <v>-0.4</v>
      </c>
      <c r="G28" s="130">
        <v>-27.8</v>
      </c>
    </row>
    <row r="29" spans="1:7" s="75" customFormat="1" ht="15" customHeight="1">
      <c r="A29" s="161"/>
      <c r="B29" s="55" t="s">
        <v>83</v>
      </c>
      <c r="C29" s="101">
        <v>-0.1</v>
      </c>
      <c r="D29" s="180">
        <v>0</v>
      </c>
      <c r="E29" s="101">
        <v>0</v>
      </c>
      <c r="F29" s="101">
        <v>-2.6</v>
      </c>
      <c r="G29" s="101">
        <v>17</v>
      </c>
    </row>
    <row r="30" spans="1:7" s="121" customFormat="1" ht="15.75" customHeight="1">
      <c r="A30" s="161"/>
      <c r="B30" s="181" t="s">
        <v>84</v>
      </c>
      <c r="C30" s="177">
        <v>5</v>
      </c>
      <c r="D30" s="182">
        <v>-92.3</v>
      </c>
      <c r="E30" s="177">
        <v>210.5</v>
      </c>
      <c r="F30" s="177">
        <v>31.1</v>
      </c>
      <c r="G30" s="123">
        <v>114</v>
      </c>
    </row>
    <row r="31" spans="1:7" s="75" customFormat="1" ht="16.5" customHeight="1">
      <c r="A31" s="161"/>
      <c r="B31" s="183" t="s">
        <v>85</v>
      </c>
      <c r="C31" s="163">
        <v>5.5</v>
      </c>
      <c r="D31" s="184">
        <v>14.5</v>
      </c>
      <c r="E31" s="163">
        <v>-23.7</v>
      </c>
      <c r="F31" s="163">
        <v>52.6</v>
      </c>
      <c r="G31" s="163">
        <v>6.1</v>
      </c>
    </row>
    <row r="32" spans="1:7" s="121" customFormat="1" ht="16.5" customHeight="1" collapsed="1">
      <c r="A32" s="161"/>
      <c r="B32" s="181" t="s">
        <v>86</v>
      </c>
      <c r="C32" s="177">
        <v>10.5</v>
      </c>
      <c r="D32" s="182">
        <v>-77.8</v>
      </c>
      <c r="E32" s="123">
        <v>186.8</v>
      </c>
      <c r="F32" s="123">
        <v>83.7</v>
      </c>
      <c r="G32" s="123">
        <v>120.1</v>
      </c>
    </row>
    <row r="33" spans="1:7" s="78" customFormat="1" ht="15.75" customHeight="1">
      <c r="A33" s="161"/>
      <c r="B33" s="93" t="s">
        <v>87</v>
      </c>
      <c r="C33" s="174">
        <v>10.5</v>
      </c>
      <c r="D33" s="185">
        <v>-77.8</v>
      </c>
      <c r="E33" s="94">
        <v>186.8</v>
      </c>
      <c r="F33" s="94">
        <v>83.7</v>
      </c>
      <c r="G33" s="94">
        <v>120.1</v>
      </c>
    </row>
    <row r="34" spans="1:7" s="120" customFormat="1" ht="15.75" customHeight="1">
      <c r="A34" s="161"/>
      <c r="B34" s="186" t="s">
        <v>88</v>
      </c>
      <c r="C34" s="187">
        <v>0</v>
      </c>
      <c r="D34" s="188">
        <v>-0.1</v>
      </c>
      <c r="E34" s="187">
        <v>0</v>
      </c>
      <c r="F34" s="187">
        <v>0</v>
      </c>
      <c r="G34" s="187">
        <v>-0.1</v>
      </c>
    </row>
    <row r="35" spans="1:7" s="78" customFormat="1" ht="24.75" customHeight="1">
      <c r="A35" s="161"/>
      <c r="B35" s="93" t="s">
        <v>89</v>
      </c>
      <c r="C35" s="174">
        <v>10.5</v>
      </c>
      <c r="D35" s="189">
        <v>-77.7</v>
      </c>
      <c r="E35" s="94">
        <v>186.8</v>
      </c>
      <c r="F35" s="94">
        <v>83.7</v>
      </c>
      <c r="G35" s="94">
        <v>120.2</v>
      </c>
    </row>
    <row r="36" spans="1:7" s="120" customFormat="1" ht="15.75" customHeight="1">
      <c r="A36" s="161"/>
      <c r="B36" s="190" t="s">
        <v>90</v>
      </c>
      <c r="C36" s="187">
        <v>-0.8</v>
      </c>
      <c r="D36" s="188">
        <v>-0.9</v>
      </c>
      <c r="E36" s="187">
        <v>-0.8</v>
      </c>
      <c r="F36" s="187">
        <v>-0.9</v>
      </c>
      <c r="G36" s="187">
        <v>-0.9</v>
      </c>
    </row>
    <row r="37" spans="1:7" s="75" customFormat="1" ht="15.75" customHeight="1">
      <c r="A37" s="161"/>
      <c r="B37" s="191" t="s">
        <v>14</v>
      </c>
      <c r="C37" s="192">
        <v>9.6999999999999993</v>
      </c>
      <c r="D37" s="193">
        <v>-78.599999999999994</v>
      </c>
      <c r="E37" s="192">
        <v>186</v>
      </c>
      <c r="F37" s="192">
        <v>82.8</v>
      </c>
      <c r="G37" s="192">
        <v>119.3</v>
      </c>
    </row>
  </sheetData>
  <mergeCells count="3">
    <mergeCell ref="B2:G2"/>
    <mergeCell ref="B4:B5"/>
    <mergeCell ref="D4:G4"/>
  </mergeCells>
  <printOptions horizontalCentered="1" verticalCentered="1"/>
  <pageMargins left="0.35433070866141736" right="0.23622047244094491" top="0.23622047244094491" bottom="0.31496062992125984" header="0.27559055118110237" footer="0.31496062992125984"/>
  <pageSetup paperSize="8" scale="67" orientation="portrait" r:id="rId1"/>
  <headerFooter alignWithMargins="0">
    <oddFooter>&amp;R&amp;D&amp;T</oddFooter>
  </headerFooter>
  <ignoredErrors>
    <ignoredError sqref="D4"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A08239-DF08-44FA-9988-883E0F156A2D}">
  <sheetPr>
    <tabColor rgb="FFFF66FF"/>
    <pageSetUpPr fitToPage="1"/>
  </sheetPr>
  <dimension ref="A2:G45"/>
  <sheetViews>
    <sheetView showGridLines="0" tabSelected="1" topLeftCell="A10" zoomScaleNormal="100" workbookViewId="0">
      <selection activeCell="B40" sqref="B40"/>
    </sheetView>
  </sheetViews>
  <sheetFormatPr defaultColWidth="9.28515625" defaultRowHeight="11.25"/>
  <cols>
    <col min="1" max="1" width="5.140625" style="104" customWidth="1"/>
    <col min="2" max="2" width="35.140625" style="104" customWidth="1"/>
    <col min="3" max="4" width="8.28515625" style="194" customWidth="1"/>
    <col min="5" max="5" width="8.85546875" style="194" customWidth="1"/>
    <col min="6" max="7" width="8.140625" style="194" customWidth="1"/>
    <col min="8" max="16384" width="9.28515625" style="104"/>
  </cols>
  <sheetData>
    <row r="2" spans="1:7" ht="26.25" customHeight="1">
      <c r="B2" s="195" t="s">
        <v>92</v>
      </c>
      <c r="C2" s="196"/>
      <c r="D2" s="196"/>
      <c r="E2" s="196"/>
      <c r="F2" s="196"/>
      <c r="G2" s="196"/>
    </row>
    <row r="3" spans="1:7" ht="12.75" customHeight="1">
      <c r="B3" s="265" t="s">
        <v>93</v>
      </c>
      <c r="C3" s="257" t="s">
        <v>94</v>
      </c>
      <c r="D3" s="257" t="s">
        <v>103</v>
      </c>
      <c r="E3" s="257" t="s">
        <v>104</v>
      </c>
      <c r="F3" s="257" t="s">
        <v>105</v>
      </c>
      <c r="G3" s="257" t="s">
        <v>106</v>
      </c>
    </row>
    <row r="4" spans="1:7" ht="12.75" customHeight="1">
      <c r="B4" s="260"/>
      <c r="C4" s="258"/>
      <c r="D4" s="258"/>
      <c r="E4" s="258"/>
      <c r="F4" s="258"/>
      <c r="G4" s="258"/>
    </row>
    <row r="5" spans="1:7" s="197" customFormat="1" ht="15.75" customHeight="1">
      <c r="A5" s="198"/>
      <c r="B5" s="55" t="s">
        <v>107</v>
      </c>
      <c r="C5" s="200">
        <v>1791</v>
      </c>
      <c r="D5" s="199">
        <v>1741.8</v>
      </c>
      <c r="E5" s="199">
        <v>2121.6</v>
      </c>
      <c r="F5" s="199">
        <v>1745.3000000000002</v>
      </c>
      <c r="G5" s="199">
        <v>1853.3999999999999</v>
      </c>
    </row>
    <row r="6" spans="1:7" s="197" customFormat="1" ht="15.75" customHeight="1">
      <c r="A6" s="198"/>
      <c r="B6" s="61" t="s">
        <v>108</v>
      </c>
      <c r="C6" s="201">
        <v>15392.799999999988</v>
      </c>
      <c r="D6" s="22">
        <v>20769.700000000004</v>
      </c>
      <c r="E6" s="22">
        <v>20940.800000000003</v>
      </c>
      <c r="F6" s="22">
        <v>25570.499999999989</v>
      </c>
      <c r="G6" s="22">
        <v>26116.799999999996</v>
      </c>
    </row>
    <row r="7" spans="1:7" s="197" customFormat="1" ht="15.75" customHeight="1">
      <c r="A7" s="198"/>
      <c r="B7" s="55" t="s">
        <v>109</v>
      </c>
      <c r="C7" s="200">
        <v>2424.9</v>
      </c>
      <c r="D7" s="19">
        <v>3493.3</v>
      </c>
      <c r="E7" s="19">
        <v>3344</v>
      </c>
      <c r="F7" s="19">
        <v>3133.9000000000005</v>
      </c>
      <c r="G7" s="19">
        <v>2975.2999999999997</v>
      </c>
    </row>
    <row r="8" spans="1:7" s="197" customFormat="1" ht="15.75" customHeight="1">
      <c r="A8" s="198"/>
      <c r="B8" s="61" t="s">
        <v>110</v>
      </c>
      <c r="C8" s="201">
        <v>79259.700000000012</v>
      </c>
      <c r="D8" s="22">
        <v>79380.3</v>
      </c>
      <c r="E8" s="22">
        <v>81199.8</v>
      </c>
      <c r="F8" s="22">
        <v>81355.8</v>
      </c>
      <c r="G8" s="22">
        <v>82259</v>
      </c>
    </row>
    <row r="9" spans="1:7" s="197" customFormat="1" ht="15.75" customHeight="1">
      <c r="A9" s="198"/>
      <c r="B9" s="55" t="s">
        <v>111</v>
      </c>
      <c r="C9" s="200">
        <v>23382.199999999997</v>
      </c>
      <c r="D9" s="19">
        <v>22127.1</v>
      </c>
      <c r="E9" s="19">
        <v>24961</v>
      </c>
      <c r="F9" s="19">
        <v>23121.9</v>
      </c>
      <c r="G9" s="19">
        <v>22562</v>
      </c>
    </row>
    <row r="10" spans="1:7" ht="15.75" customHeight="1">
      <c r="A10" s="198"/>
      <c r="B10" s="61" t="s">
        <v>112</v>
      </c>
      <c r="C10" s="202">
        <v>2352.6</v>
      </c>
      <c r="D10" s="22">
        <v>2431.6</v>
      </c>
      <c r="E10" s="22">
        <v>2591.7999999999997</v>
      </c>
      <c r="F10" s="22">
        <v>2689.5</v>
      </c>
      <c r="G10" s="22">
        <v>2757.5</v>
      </c>
    </row>
    <row r="11" spans="1:7" s="197" customFormat="1" ht="15.75" customHeight="1">
      <c r="A11" s="198"/>
      <c r="B11" s="33" t="s">
        <v>113</v>
      </c>
      <c r="C11" s="200">
        <v>985.2</v>
      </c>
      <c r="D11" s="19">
        <v>1095.4000000000001</v>
      </c>
      <c r="E11" s="19">
        <v>1041.8</v>
      </c>
      <c r="F11" s="19">
        <v>1027.7</v>
      </c>
      <c r="G11" s="19">
        <v>1069.2</v>
      </c>
    </row>
    <row r="12" spans="1:7" ht="15.75" customHeight="1">
      <c r="A12" s="198"/>
      <c r="B12" s="104" t="s">
        <v>114</v>
      </c>
      <c r="C12" s="201">
        <v>2718.5</v>
      </c>
      <c r="D12" s="204">
        <v>2743.4999999999995</v>
      </c>
      <c r="E12" s="204">
        <v>2757.9</v>
      </c>
      <c r="F12" s="204">
        <v>2759.9999999999995</v>
      </c>
      <c r="G12" s="204">
        <v>2784.5000000000005</v>
      </c>
    </row>
    <row r="13" spans="1:7" s="197" customFormat="1" ht="15.75" customHeight="1">
      <c r="A13" s="198"/>
      <c r="B13" s="118" t="s">
        <v>115</v>
      </c>
      <c r="C13" s="206">
        <v>7.9</v>
      </c>
      <c r="D13" s="205">
        <v>7.9</v>
      </c>
      <c r="E13" s="205">
        <v>7.9</v>
      </c>
      <c r="F13" s="205">
        <v>7.9</v>
      </c>
      <c r="G13" s="205">
        <v>7.9</v>
      </c>
    </row>
    <row r="14" spans="1:7" ht="15.75" customHeight="1">
      <c r="A14" s="198"/>
      <c r="B14" s="33" t="s">
        <v>116</v>
      </c>
      <c r="C14" s="200">
        <v>1798</v>
      </c>
      <c r="D14" s="19">
        <v>1774</v>
      </c>
      <c r="E14" s="19">
        <v>1758.7</v>
      </c>
      <c r="F14" s="19">
        <v>1800.4</v>
      </c>
      <c r="G14" s="19">
        <v>1919.8</v>
      </c>
    </row>
    <row r="15" spans="1:7" s="197" customFormat="1" ht="15.75" customHeight="1">
      <c r="A15" s="198"/>
      <c r="B15" s="104" t="s">
        <v>117</v>
      </c>
      <c r="C15" s="202">
        <v>1904.2000000000044</v>
      </c>
      <c r="D15" s="22">
        <v>2311.8999999999933</v>
      </c>
      <c r="E15" s="22">
        <v>2400.5000000000059</v>
      </c>
      <c r="F15" s="22">
        <v>2544.6999999999998</v>
      </c>
      <c r="G15" s="22">
        <v>2361.3000000000002</v>
      </c>
    </row>
    <row r="16" spans="1:7" ht="15.75" customHeight="1">
      <c r="A16" s="198"/>
      <c r="B16" s="207" t="s">
        <v>19</v>
      </c>
      <c r="C16" s="208">
        <v>132009.1</v>
      </c>
      <c r="D16" s="209">
        <v>137868.6</v>
      </c>
      <c r="E16" s="208">
        <v>143117.9</v>
      </c>
      <c r="F16" s="208">
        <v>145749.70000000004</v>
      </c>
      <c r="G16" s="208">
        <v>146658.79999999996</v>
      </c>
    </row>
    <row r="17" spans="2:7" ht="9" customHeight="1">
      <c r="B17" s="259" t="s">
        <v>95</v>
      </c>
      <c r="C17" s="261" t="s">
        <v>94</v>
      </c>
      <c r="D17" s="263" t="s">
        <v>103</v>
      </c>
      <c r="E17" s="263" t="s">
        <v>104</v>
      </c>
      <c r="F17" s="263" t="s">
        <v>105</v>
      </c>
      <c r="G17" s="263" t="s">
        <v>106</v>
      </c>
    </row>
    <row r="18" spans="2:7" ht="25.5" customHeight="1">
      <c r="B18" s="260"/>
      <c r="C18" s="262"/>
      <c r="D18" s="264"/>
      <c r="E18" s="264"/>
      <c r="F18" s="264"/>
      <c r="G18" s="264"/>
    </row>
    <row r="19" spans="2:7" ht="15.75" customHeight="1">
      <c r="B19" s="33" t="s">
        <v>21</v>
      </c>
      <c r="C19" s="19">
        <v>84428.200000000012</v>
      </c>
      <c r="D19" s="210">
        <v>90300.299999999988</v>
      </c>
      <c r="E19" s="19">
        <v>92901.5</v>
      </c>
      <c r="F19" s="19">
        <v>94036.5</v>
      </c>
      <c r="G19" s="19">
        <v>99053.599999999991</v>
      </c>
    </row>
    <row r="20" spans="2:7" ht="15.75" customHeight="1">
      <c r="B20" s="104" t="s">
        <v>118</v>
      </c>
      <c r="C20" s="22">
        <v>74992.2</v>
      </c>
      <c r="D20" s="211">
        <v>79859.5</v>
      </c>
      <c r="E20" s="22">
        <v>82389.2</v>
      </c>
      <c r="F20" s="22">
        <v>83315.3</v>
      </c>
      <c r="G20" s="22">
        <v>87124.1</v>
      </c>
    </row>
    <row r="21" spans="2:7" ht="15.75" customHeight="1">
      <c r="B21" s="33" t="s">
        <v>119</v>
      </c>
      <c r="C21" s="19">
        <v>9436</v>
      </c>
      <c r="D21" s="210">
        <v>10440.799999999985</v>
      </c>
      <c r="E21" s="19">
        <v>10512.300000000007</v>
      </c>
      <c r="F21" s="19">
        <v>10721.199999999995</v>
      </c>
      <c r="G21" s="19">
        <v>11929.499999999991</v>
      </c>
    </row>
    <row r="22" spans="2:7" ht="15.75" customHeight="1">
      <c r="B22" s="104" t="s">
        <v>120</v>
      </c>
      <c r="C22" s="22">
        <v>29081.1</v>
      </c>
      <c r="D22" s="211">
        <v>29154.799999999999</v>
      </c>
      <c r="E22" s="22">
        <v>29230.2</v>
      </c>
      <c r="F22" s="22">
        <v>29305.599999999999</v>
      </c>
      <c r="G22" s="22">
        <v>26373.1</v>
      </c>
    </row>
    <row r="23" spans="2:7" ht="15.75" customHeight="1">
      <c r="B23" s="33" t="s">
        <v>121</v>
      </c>
      <c r="C23" s="19">
        <v>1763.6000000000022</v>
      </c>
      <c r="D23" s="210">
        <v>2125.1000000000022</v>
      </c>
      <c r="E23" s="19">
        <v>3019.5</v>
      </c>
      <c r="F23" s="19">
        <v>3854.3000000000029</v>
      </c>
      <c r="G23" s="19">
        <v>3816.4000000000015</v>
      </c>
    </row>
    <row r="24" spans="2:7" ht="15.75" customHeight="1">
      <c r="B24" s="104" t="s">
        <v>122</v>
      </c>
      <c r="C24" s="22">
        <v>3174.4</v>
      </c>
      <c r="D24" s="211">
        <v>3104.1000000000004</v>
      </c>
      <c r="E24" s="22">
        <v>3325</v>
      </c>
      <c r="F24" s="22">
        <v>3819.3</v>
      </c>
      <c r="G24" s="22">
        <v>3179.4999999999995</v>
      </c>
    </row>
    <row r="25" spans="2:7" ht="15.75" customHeight="1">
      <c r="B25" s="33" t="s">
        <v>112</v>
      </c>
      <c r="C25" s="19">
        <v>2081.8999999999996</v>
      </c>
      <c r="D25" s="210">
        <v>2686.1</v>
      </c>
      <c r="E25" s="19">
        <v>2819.1</v>
      </c>
      <c r="F25" s="19">
        <v>2730.1</v>
      </c>
      <c r="G25" s="19">
        <v>2759</v>
      </c>
    </row>
    <row r="26" spans="2:7" ht="15.75" customHeight="1">
      <c r="B26" s="104" t="s">
        <v>123</v>
      </c>
      <c r="C26" s="22">
        <v>1820.6</v>
      </c>
      <c r="D26" s="211">
        <v>1814</v>
      </c>
      <c r="E26" s="22">
        <v>1969</v>
      </c>
      <c r="F26" s="22">
        <v>2017.1</v>
      </c>
      <c r="G26" s="22">
        <v>2011.3</v>
      </c>
    </row>
    <row r="27" spans="2:7" ht="15.75" customHeight="1">
      <c r="B27" s="212" t="s">
        <v>124</v>
      </c>
      <c r="C27" s="19">
        <v>157.80000000000001</v>
      </c>
      <c r="D27" s="210">
        <v>159.30000000000001</v>
      </c>
      <c r="E27" s="19">
        <v>162.19999999999999</v>
      </c>
      <c r="F27" s="19">
        <v>163.30000000000001</v>
      </c>
      <c r="G27" s="19">
        <v>164.2</v>
      </c>
    </row>
    <row r="28" spans="2:7" ht="15.75" customHeight="1">
      <c r="B28" s="213" t="s">
        <v>125</v>
      </c>
      <c r="C28" s="22">
        <v>147.80000000000001</v>
      </c>
      <c r="D28" s="211">
        <v>144</v>
      </c>
      <c r="E28" s="22">
        <v>121.5</v>
      </c>
      <c r="F28" s="22">
        <v>144.6</v>
      </c>
      <c r="G28" s="22">
        <v>147.1</v>
      </c>
    </row>
    <row r="29" spans="2:7" ht="15.75" customHeight="1">
      <c r="B29" s="212" t="s">
        <v>126</v>
      </c>
      <c r="C29" s="19">
        <v>29</v>
      </c>
      <c r="D29" s="210">
        <v>29.7</v>
      </c>
      <c r="E29" s="19">
        <v>30.7</v>
      </c>
      <c r="F29" s="19">
        <v>31.4</v>
      </c>
      <c r="G29" s="19">
        <v>32.299999999999997</v>
      </c>
    </row>
    <row r="30" spans="2:7" ht="15.75" customHeight="1">
      <c r="B30" s="213" t="s">
        <v>127</v>
      </c>
      <c r="C30" s="22">
        <v>1486</v>
      </c>
      <c r="D30" s="211">
        <v>1481</v>
      </c>
      <c r="E30" s="22">
        <v>1654.6</v>
      </c>
      <c r="F30" s="22">
        <v>1677.8</v>
      </c>
      <c r="G30" s="22">
        <v>1667.7</v>
      </c>
    </row>
    <row r="31" spans="2:7" ht="15.75" customHeight="1">
      <c r="B31" s="33" t="s">
        <v>128</v>
      </c>
      <c r="C31" s="19">
        <v>6.5</v>
      </c>
      <c r="D31" s="210">
        <v>7</v>
      </c>
      <c r="E31" s="19">
        <v>8</v>
      </c>
      <c r="F31" s="19">
        <v>8</v>
      </c>
      <c r="G31" s="19">
        <v>8.1</v>
      </c>
    </row>
    <row r="32" spans="2:7" ht="15.75" customHeight="1">
      <c r="B32" s="104" t="s">
        <v>129</v>
      </c>
      <c r="C32" s="22">
        <v>3645.4000000000115</v>
      </c>
      <c r="D32" s="214">
        <v>2503.1999999999998</v>
      </c>
      <c r="E32" s="22">
        <v>3593.4999999999941</v>
      </c>
      <c r="F32" s="22">
        <v>3912.1000000000231</v>
      </c>
      <c r="G32" s="22">
        <v>3450.9999999999768</v>
      </c>
    </row>
    <row r="33" spans="2:7" ht="15.75" customHeight="1">
      <c r="B33" s="33" t="s">
        <v>25</v>
      </c>
      <c r="C33" s="203">
        <v>6006.0999999999995</v>
      </c>
      <c r="D33" s="210">
        <v>6172.7000000000007</v>
      </c>
      <c r="E33" s="19">
        <v>6250.7000000000007</v>
      </c>
      <c r="F33" s="19">
        <v>6065.3</v>
      </c>
      <c r="G33" s="19">
        <v>6005.4</v>
      </c>
    </row>
    <row r="34" spans="2:7" ht="15.75" customHeight="1">
      <c r="B34" s="215" t="s">
        <v>130</v>
      </c>
      <c r="C34" s="204">
        <v>131.6</v>
      </c>
      <c r="D34" s="211">
        <v>306.8</v>
      </c>
      <c r="E34" s="22">
        <v>302.3</v>
      </c>
      <c r="F34" s="22">
        <v>324.7</v>
      </c>
      <c r="G34" s="22">
        <v>367.6</v>
      </c>
    </row>
    <row r="35" spans="2:7" ht="15.75" customHeight="1">
      <c r="B35" s="216" t="s">
        <v>131</v>
      </c>
      <c r="C35" s="203">
        <v>-3330.2</v>
      </c>
      <c r="D35" s="210">
        <v>-3638.6</v>
      </c>
      <c r="E35" s="19">
        <v>-3630.7</v>
      </c>
      <c r="F35" s="19">
        <v>-3521</v>
      </c>
      <c r="G35" s="19">
        <v>-3415.8</v>
      </c>
    </row>
    <row r="36" spans="2:7" ht="15.75" customHeight="1">
      <c r="B36" s="217" t="s">
        <v>132</v>
      </c>
      <c r="C36" s="204">
        <v>9195</v>
      </c>
      <c r="D36" s="211">
        <v>9195</v>
      </c>
      <c r="E36" s="22">
        <v>9195</v>
      </c>
      <c r="F36" s="22">
        <v>9195</v>
      </c>
      <c r="G36" s="22">
        <v>9195</v>
      </c>
    </row>
    <row r="37" spans="2:7" ht="15.75" customHeight="1">
      <c r="B37" s="216" t="s">
        <v>133</v>
      </c>
      <c r="C37" s="203">
        <v>0</v>
      </c>
      <c r="D37" s="210">
        <v>0</v>
      </c>
      <c r="E37" s="19">
        <v>-4</v>
      </c>
      <c r="F37" s="19">
        <v>-135.5</v>
      </c>
      <c r="G37" s="19">
        <v>-260.7</v>
      </c>
    </row>
    <row r="38" spans="2:7" ht="15.75" customHeight="1">
      <c r="B38" s="217" t="s">
        <v>134</v>
      </c>
      <c r="C38" s="204">
        <v>9.6999999999999993</v>
      </c>
      <c r="D38" s="211">
        <v>309.5</v>
      </c>
      <c r="E38" s="22">
        <v>388.1</v>
      </c>
      <c r="F38" s="22">
        <v>202.1</v>
      </c>
      <c r="G38" s="22">
        <v>119.3</v>
      </c>
    </row>
    <row r="39" spans="2:7" ht="15.75" customHeight="1">
      <c r="B39" s="33" t="s">
        <v>135</v>
      </c>
      <c r="C39" s="203">
        <v>1.3</v>
      </c>
      <c r="D39" s="210">
        <v>1.3</v>
      </c>
      <c r="E39" s="19">
        <v>1.4</v>
      </c>
      <c r="F39" s="19">
        <v>1.4</v>
      </c>
      <c r="G39" s="19">
        <v>1.4</v>
      </c>
    </row>
    <row r="40" spans="2:7" ht="15.75" customHeight="1">
      <c r="B40" s="218" t="s">
        <v>136</v>
      </c>
      <c r="C40" s="221">
        <v>132009.10000000003</v>
      </c>
      <c r="D40" s="220">
        <v>137868.6</v>
      </c>
      <c r="E40" s="219">
        <v>143117.9</v>
      </c>
      <c r="F40" s="219">
        <v>145749.70000000001</v>
      </c>
      <c r="G40" s="219">
        <v>146658.79999999999</v>
      </c>
    </row>
    <row r="41" spans="2:7">
      <c r="B41" s="255"/>
      <c r="C41" s="255"/>
      <c r="D41" s="255"/>
      <c r="E41" s="255"/>
      <c r="F41" s="255"/>
      <c r="G41" s="255"/>
    </row>
    <row r="42" spans="2:7">
      <c r="B42" s="256"/>
      <c r="C42" s="256"/>
      <c r="D42" s="256"/>
      <c r="E42" s="256"/>
      <c r="F42" s="256"/>
      <c r="G42" s="256"/>
    </row>
    <row r="43" spans="2:7">
      <c r="B43" s="256"/>
      <c r="C43" s="256"/>
      <c r="D43" s="256"/>
      <c r="E43" s="256"/>
      <c r="F43" s="256"/>
      <c r="G43" s="256"/>
    </row>
    <row r="44" spans="2:7">
      <c r="B44" s="222"/>
      <c r="C44" s="223"/>
      <c r="D44" s="223"/>
      <c r="E44" s="223"/>
      <c r="F44" s="223"/>
      <c r="G44" s="223"/>
    </row>
    <row r="45" spans="2:7">
      <c r="B45" s="224"/>
    </row>
  </sheetData>
  <mergeCells count="15">
    <mergeCell ref="D3:D4"/>
    <mergeCell ref="E3:E4"/>
    <mergeCell ref="F3:F4"/>
    <mergeCell ref="G3:G4"/>
    <mergeCell ref="B41:G41"/>
    <mergeCell ref="B42:G42"/>
    <mergeCell ref="B43:G43"/>
    <mergeCell ref="B17:B18"/>
    <mergeCell ref="C17:C18"/>
    <mergeCell ref="D17:D18"/>
    <mergeCell ref="E17:E18"/>
    <mergeCell ref="F17:F18"/>
    <mergeCell ref="G17:G18"/>
    <mergeCell ref="B3:B4"/>
    <mergeCell ref="C3:C4"/>
  </mergeCells>
  <pageMargins left="0.7" right="0.7" top="0.75" bottom="0.75" header="0.3" footer="0.3"/>
  <pageSetup paperSize="8" scale="6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ogli di lavoro</vt:lpstr>
      </vt:variant>
      <vt:variant>
        <vt:i4>6</vt:i4>
      </vt:variant>
    </vt:vector>
  </HeadingPairs>
  <TitlesOfParts>
    <vt:vector size="6" baseType="lpstr">
      <vt:lpstr>P&amp;L and Balance Sheet figures</vt:lpstr>
      <vt:lpstr>Alternative performance measure</vt:lpstr>
      <vt:lpstr>Regulatory measures</vt:lpstr>
      <vt:lpstr>P&amp;L</vt:lpstr>
      <vt:lpstr>P&amp;L trim</vt:lpstr>
      <vt:lpstr>Balance Sheet trim</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MATO ANDREA (MPS-03539)</dc:creator>
  <cp:lastModifiedBy>AMATO ANDREA (MPS-03539)</cp:lastModifiedBy>
  <dcterms:created xsi:type="dcterms:W3CDTF">2023-09-11T07:25:30Z</dcterms:created>
  <dcterms:modified xsi:type="dcterms:W3CDTF">2023-09-14T09:30:06Z</dcterms:modified>
</cp:coreProperties>
</file>